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2 - s3 - s4\s2\"/>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984" uniqueCount="727">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09/01/2021</t>
  </si>
  <si>
    <t>07:00:00:00</t>
  </si>
  <si>
    <t>N0021195</t>
  </si>
  <si>
    <t>Science of Stupid</t>
  </si>
  <si>
    <t>Roof Jumping: To Infinity and Below</t>
  </si>
  <si>
    <t>00:30</t>
  </si>
  <si>
    <t>United Kingdom</t>
  </si>
  <si>
    <t xml:space="preserve">" Science of Stupid " est l'émission qui analyse scientifiquement les vidéos les plus spectaculaires et absurdes jamais enregistrées. Dans cet épisode nous verrons qu'il est facile d'être ridicule en faisant du monocycle, en courant sur un tapis de course ou en sautant d'un toit. </t>
  </si>
  <si>
    <t>07:30:00:00</t>
  </si>
  <si>
    <t>N0023807</t>
  </si>
  <si>
    <t>Street Genius : Explosion imminente</t>
  </si>
  <si>
    <t>Street Genius</t>
  </si>
  <si>
    <t>Master Blaster</t>
  </si>
  <si>
    <t>00:35</t>
  </si>
  <si>
    <t>Tim Shaw nous emmène dans le monde fabuleux de la science ! Retrouvez-le à Las Vegas pour le voir transformer des extincteurs en fusées et savoir ce qui arrive lorsqu'une personne est mise sous vide. Découvrez également comment mettre un oeuf à la coque à l'épreuve et suivez-le hors de la ville pour une explosion à couper le souffle.</t>
  </si>
  <si>
    <t>07:50:00:00</t>
  </si>
  <si>
    <t>N0023808</t>
  </si>
  <si>
    <t>Street Genius : Un crash calculé</t>
  </si>
  <si>
    <t>Crash &amp; Burn</t>
  </si>
  <si>
    <t xml:space="preserve">Tim Shaw vous invite à le suivre dans le monde fascinant, imprévisible et divertissant de la science. Découvrez cette fois-ci comment écraser une voiture avec des parpaings et comment arrêter des balles de magnum allant à 1 600 km/h. Tim met également à l'épreuve un aéroglisseur et vous fait vivre des expériences exaltantes dans ce nouvel épisode de Street Genius. </t>
  </si>
  <si>
    <t>08:15:00:00</t>
  </si>
  <si>
    <t>Car S.O.S. : Coup de bluff</t>
  </si>
  <si>
    <t>Car S.O.S. Compilations</t>
  </si>
  <si>
    <t>Ultimate Blags</t>
  </si>
  <si>
    <t>00:50</t>
  </si>
  <si>
    <t>United States</t>
  </si>
  <si>
    <t>Dans cet épisode best of de Car S.O.S., Tim et Fuzz nous livrent leurs meilleurs coups de bluff. Qu’il s’agisse d’éviter les files d’attente ou de payer les pièces vintage au prix fort, Tim n’est jamais à court d’idées pour obtenir une remise ou tourmenter les artisans, à l’image de Cliff, notre spécialiste pour l’habillage des sièges.</t>
  </si>
  <si>
    <t>09:00:00:00</t>
  </si>
  <si>
    <t>Car S.O.S. : Surprise !</t>
  </si>
  <si>
    <t>Ultimate Reveals</t>
  </si>
  <si>
    <t>Rires et larmes seront au rendez-vous de cet épisode best of de Car S.O.S. ! Tim et Fuzz reviendront sur les surprises les plus mémorables de ces sept dernières saisons. Après avoir pris du bon temps, les propriétaires méritants seront enfin réunis à leurs voitures de collection flambant neuves. Des jours de préparation ont été nécessaires afin de graver à tout jamais ces précieux moments dans la mémoire de ces fous du volant.</t>
  </si>
  <si>
    <t>09:50:00:00</t>
  </si>
  <si>
    <t>P0848583</t>
  </si>
  <si>
    <t>Car S.O.S. : Défi en 7 jours</t>
  </si>
  <si>
    <t>Car S.O.S. Special: 7 Day Challenge</t>
  </si>
  <si>
    <t>Episode 1: Pan-Regional</t>
  </si>
  <si>
    <t>Dans cet épisode spécial de Car S.O.S., Tim et Fuzz s’attellent à la restauration d’une Land Rover série 2 en seulement 7 jours. Tourné face à un public en studio au British Motor Museum, Car S.O.S. plonge dans l’inconnu : outre un planning serré impossible à tenir, l’invité spécial Ross Kemp se joindra à cette joyeuse pagaille mécanique. La restauration record d’une Land Rover série 2 de 1959 est lancée !</t>
  </si>
  <si>
    <t>10:40:00:00</t>
  </si>
  <si>
    <t>N0014001</t>
  </si>
  <si>
    <t>La minute de vérité : Voyage scolaire mortel</t>
  </si>
  <si>
    <t>Seconds from Disaster</t>
  </si>
  <si>
    <t>Death In Mid-Air</t>
  </si>
  <si>
    <t>01:00</t>
  </si>
  <si>
    <t>Pour les quarante-cinq écoliers qui sont montés à bord du vol Moscou-Barcelone de Bashkir Airlines, ce voyage devait être celui de leur vie, la récompense de leur travail scolaire. Mais deux heures et demie après le décollage, leur avion, un Tupolev 154, percute un Boeing 757 au-dessus du village allemand Überlingen, les conduisant à une mort effroyable. Comment un accident pareil a-t-il pu arriver? Ce documentaire reconstitue les minutes précedant l'impact à la recherche de tout indice qui aurait pu provoquer cette catastrophe. Un accident qui a fait la une autour du monde.</t>
  </si>
  <si>
    <t>11:30:00:00</t>
  </si>
  <si>
    <t>N0013609</t>
  </si>
  <si>
    <t>La minute de vérité : Crash dans le Queens</t>
  </si>
  <si>
    <t>Plane Crash In Queens</t>
  </si>
  <si>
    <t>Après une mission de 16 jours, la navette Columbia explose en réentrant dans l'atmosphère. Depuis 1986 et Challenger, la NASA n'avait plus eu rencontré de problème. Que s'est-il passé?</t>
  </si>
  <si>
    <t>12:20:00:00</t>
  </si>
  <si>
    <t>N0014506</t>
  </si>
  <si>
    <t>La minute de vérité : Titanic</t>
  </si>
  <si>
    <t>Titanic</t>
  </si>
  <si>
    <t>À l'âge d'or des paquebots, l'un d'entre eux a spécialement été construit pour être plus rapide et éclipser les autres : le Titanic. Considéré comme insubmersible, le Titanic est une merveille mécanique, un mélange d'innovation et de luxe. Cependant, quelques jours à peine après le début de sa traversée, il connait une fin tragique, devenant alors l'un des plus grands désastres de tous les temps.  Le 14 avril 1912 à 23h40, le Titanic heurte un iceberg causant ainsi son naufrage et la mort de plus de 1500 personnes. Les autorités ont examiné pendant des années les différentes théories, et notamment les théories du complot, pour tenter de comprendre les causes du naufrage. Grâce à une expérience révolutionnaire qui reproduit la situation du Titanic au moment du choc, les experts découvrent de nouvelles preuves  permettant de comprendre ce qui a fait couler "l'insubmersible". Ce documentaire retrace les derniers instants du Titanic à l'aide des témoignages poignants des survivants, d'images de synthèse et d'expériences novatrices.</t>
  </si>
  <si>
    <t>13:10:00:00</t>
  </si>
  <si>
    <t>N0016546</t>
  </si>
  <si>
    <t>La minute de vérité : Explosion de l'USS Forrestal</t>
  </si>
  <si>
    <t>Aircraft Carrier Explosion</t>
  </si>
  <si>
    <t>Capable de naviguer pendant 20 ans sans se ravitailler en combustible, tout en portant jusqu'à 90 avions, l'USS Nimitz est le plus grand vaisseau de guerre du monde.</t>
  </si>
  <si>
    <t>14:00:00:00</t>
  </si>
  <si>
    <t>N0018175</t>
  </si>
  <si>
    <t>Aéroport JFK : Pris en flag ! : Cocaïne en poche</t>
  </si>
  <si>
    <t>To Catch A Smuggler: JFK Airport</t>
  </si>
  <si>
    <t>Coke In The Coat</t>
  </si>
  <si>
    <t xml:space="preserve">Chaque année, des vols venant du monde entier atterrissent à l'aéroport international JFK, transportant environ quarante-six millions de passagers. Les douanes américaines ainsi que les agents  spéciaux de sécurité nationale sont sur le qui-vive : intercepter une famille avec de l'héroïne dans ses bagages ou bien déterminer ce qui déclenche les alarmes de radiation, ces officiers sont prêts à relever tous les défis !  </t>
  </si>
  <si>
    <t>14:50:00:00</t>
  </si>
  <si>
    <t>N0018087</t>
  </si>
  <si>
    <t>Aéroport JFK : Pris en flag ! : Les mules</t>
  </si>
  <si>
    <t>Hidden Heroin</t>
  </si>
  <si>
    <t>Les agents du US Customs and Border Protection cherchent constamment à connaitre les nouvelles méthodes utilisées par les trafiquants pour dissimuler de la drogue dans leur bagages. Dans cet épisode, deux hommes provenant de différents continents leur paraissent suspects. Seule une radio pourra déterminer si ces voyageurs à l'air nerveux dissimulent bien quelque chose...</t>
  </si>
  <si>
    <t>15:40:00:00</t>
  </si>
  <si>
    <t>N0018002</t>
  </si>
  <si>
    <t>Aéroport JFK : Pris en flag ! : Veuillez retirer vos chaussures</t>
  </si>
  <si>
    <t>Cavity Courier</t>
  </si>
  <si>
    <t>Dans cet épisode, des pilules sont trouvées dans un colis postal et de la cocaïne est dissimulée dans une paire de chaussures ! Enfin, les talents d'investigation de nos douaniers sont mis à rude épreuve lors d'un interrogatoire difficile...</t>
  </si>
  <si>
    <t>16:35:00:00</t>
  </si>
  <si>
    <t>Ultimate Airport Pérou et Brésil : Valise en surpoids</t>
  </si>
  <si>
    <t>Airport Security: Peru and Brazil</t>
  </si>
  <si>
    <t>Suitcase Saturation</t>
  </si>
  <si>
    <t>Argentina</t>
  </si>
  <si>
    <t>À l’aéroport international Jorge Chavez de Lima, au Pérou, la police fait face à un défi de taille : endiguer le trafic de drogue. Des agents arrêtent un homme en possession d’emballages alimentaires remplis de cocaïne, suspecté de cacher d’autres substances. Une vieille dame dissimulant des stupéfiants dans son sac est interpellée. Après la découverte de drogues dans sa valise, une mère de famille déclare être également forcée de se prostituer. Enfin, un individu assure que les cachets scotchés sur son corps sont destinés à sa consommation personnelle.</t>
  </si>
  <si>
    <t>17:30:00:00</t>
  </si>
  <si>
    <t>N0015955</t>
  </si>
  <si>
    <t>The Border: Saisie de Cannabis</t>
  </si>
  <si>
    <t>The Border</t>
  </si>
  <si>
    <t>Weed Warehouse</t>
  </si>
  <si>
    <t>A Laredo, Texas, les agents et officiers du Ministère de la Sécurité intérieure luttent contre l'immigration illégale le long du Rio Grande. Dans un camion, ils retrouvent une demi-tonne de cannabis à l'intérieur d'une double cloison, et détruisent la chère marchandise des trafiquants de stupéfiants.</t>
  </si>
  <si>
    <t>18:25:00:00</t>
  </si>
  <si>
    <t>N0015939</t>
  </si>
  <si>
    <t>The Border : Quand le trafic reprend</t>
  </si>
  <si>
    <t>Drug Flood</t>
  </si>
  <si>
    <t>Dans cet épisode de The Border, les agents et officiers de la Sécurité Intérieure doivent lutter contre la vague de stupéfiants en route vers les Etats-Unis à la suite de l'ouragan Alex, tout en maintenant leur vigilance au bord du Rio Grande inondé, afin de d'empêcher l'entrée de clandestins aux Etats-Unis.</t>
  </si>
  <si>
    <t>19:20:00:00</t>
  </si>
  <si>
    <t>P0782569</t>
  </si>
  <si>
    <t>The Border : La brigade canine</t>
  </si>
  <si>
    <t>Border Wars</t>
  </si>
  <si>
    <t>Canine Alert</t>
  </si>
  <si>
    <t>La main d’œuvre et les outils de haute technologie ne suffisent pas à protéger la frontière. Dans cet épisode de The Border, nous allons voir en action les brigades canines, des assistants à quatre pattes capables d’aller là où les hommes et la technologie n’ont pas accès. Nous allons les voir à l’œuvre avec leurs partenaires humains. Le bureau des douanes et de la protection des frontières (CBP) possède une équipe de plus de 1 500 chiens, ce qui en fait la patrouille de maintien de l’ordre la plus nombreuse aux États-Unis, avec des chiens incroyables comme Archi qui a aidé à arrêter plus de 800 immigrants clandestins et à saisir l’équivalent de 2,3 millions de dollars de drogue.</t>
  </si>
  <si>
    <t>20:10:00:00</t>
  </si>
  <si>
    <t>P0782570</t>
  </si>
  <si>
    <t>The Border : A la poursuite de l'illégalité</t>
  </si>
  <si>
    <t>The Chase Is On</t>
  </si>
  <si>
    <t>En surveillant le ciel et en gardant les pieds sur terre, le CBP traque et arrête les personnes et la drogue qui entrent illégalement aux États-Unis, mais certains ne se rendent pas sans avoir été poursuivis. Il s’agit de courses-poursuites exaltantes de la patrouille dans lesquelles des voitures tout terrain, des véhicules utilitaires, des hélicoptères, des chevaux et même des hommes à pied poursuivent les suspects dans certains des terrains les plus accidentés du pays afin de maintenir la sureté de la frontière.</t>
  </si>
  <si>
    <t>21:00:00:00</t>
  </si>
  <si>
    <t>P0944449</t>
  </si>
  <si>
    <t>Air Crash : Maintenance bâclée</t>
  </si>
  <si>
    <t>Air Crash Investigation Special Report</t>
  </si>
  <si>
    <t>Maintenance Mistakes</t>
  </si>
  <si>
    <t>Canada</t>
  </si>
  <si>
    <t>Trois catastrophes aériennes nous démontrent que le non-respect des règles de maintenance peut provoquer un désastre. Au Texas, l’erreur de jugement d’un mécanicien conduit à un effroyable accident en plein vol. Une procédure de maintenance bâclée et la perte d’une goupille fendue mettent la vie de trois pilotes d’avion-cargo en péril. Suite à la disparition d’un biturbopropulseur en mer du Nord, les enquêteurs révèlent un empire criminel de l’autre côté de la planète.</t>
  </si>
  <si>
    <t>21:50:00:00</t>
  </si>
  <si>
    <t>P0944448</t>
  </si>
  <si>
    <t>Air Crash : Instruments brouillés</t>
  </si>
  <si>
    <t>Instrument Confusion</t>
  </si>
  <si>
    <t>Dans le monde de l’aviation, précision et exactitude sont les deux mots d’ordre. Or, lorsque les instruments indispensables au sein du cockpit ne sont pas fiables, les conséquences peuvent être désastreuses. Alors qu’il survole l’une des régions les plus isolées de la planète, un Boeing 737 disparaît des écrans radars. Un avion-cargo coréen s’écrase au cœur de la campagne anglaise peu après son décollage. À bord d’un vol de nuit au-dessus de la Russie, un équipage inexpérimenté enchaîne les erreurs.</t>
  </si>
  <si>
    <t>22:40:00:00</t>
  </si>
  <si>
    <t>P0867616</t>
  </si>
  <si>
    <t>Air Crash : À la une</t>
  </si>
  <si>
    <t>Headline News</t>
  </si>
  <si>
    <t>Alors que trois catastrophes aériennes font les gros titres des journaux du monde entier, la frénésie médiatique impose aux enquêteurs de faire la lumière sur les causes de ces désastres. Le 11 septembre 2001, le vol 77 d’American Airlines disparaît des écrans radar avant de s’écraser sur le Pentagone. Suite à l’explosion du vol 800 de la compagnie TWA au-dessus de Long Island, un reportage déclenche l’ouverture d’une enquête qui durera quatre ans. Enfin, le crash du Concorde d’Air France quelques secondes après son décollage à Paris signe la fin de l’ère supersonique.</t>
  </si>
  <si>
    <t>23:30:00:00</t>
  </si>
  <si>
    <t>N0016181</t>
  </si>
  <si>
    <t>Air Crash : Vacances mortelles</t>
  </si>
  <si>
    <t>Air Crash Investigation</t>
  </si>
  <si>
    <t>Miami Mystery</t>
  </si>
  <si>
    <t>Le 19 décembre 2005, l'hydravion Chalk Ocean Airways, à destination des Bahamas, se prépare au décollage depuis la baie de Miami. Cependant, à 150 mètres à peine d'altitude, l'appareil explose et se crashe dans les eaux du port. Les secours se précipitent sur le lieu du crash, mais ne trouvent aucun survivant. Les touristes sur la plage, témoins de l'accident qui filmaient la scène, confirment que l'aile de l'avion a explosé. Les enquêteurs pourront-ils déterminer pourquoi ?</t>
  </si>
  <si>
    <t>24:15:00:00</t>
  </si>
  <si>
    <t>P0944294</t>
  </si>
  <si>
    <t>Air Crash : VIP à bord</t>
  </si>
  <si>
    <t>Vip On Board</t>
  </si>
  <si>
    <t>Les catastrophes aériennes qui comptent des célébrités parmi leurs victimes font la une des journaux du monde entier et mettent les enquêteurs sous pression. Scrutés par toute la planète, ils sont sommés de trouver des réponses. La fin de la mission secrète d’un diplomate pose de nombreuses questions, qui demeurent sans réponse pendant des années. Des pilotes jouent avec la vie des membres d’une célèbre équipe de football brésilienne, provoquant une tragédie. Enfin, un avion de l’U.S. Air Force, avec une personnalité américaine à son bord, s’écrase au cœur d’une Croatie déchirée par la guerre.</t>
  </si>
  <si>
    <t>25:00:00:00</t>
  </si>
  <si>
    <t>P0944441</t>
  </si>
  <si>
    <t>Air Crash : Contre la montagne</t>
  </si>
  <si>
    <t>Mountain Impact</t>
  </si>
  <si>
    <t>Après trois catastrophes aériennes effroyables, des enquêteurs mettent au jour des failles béantes dans les manœuvres destinées à empêcher les collisions des avions contre les montagnes. Alors qu’il volait dans la mauvaise direction, un avion de ligne s’écrase dans l’Himalaya. À quelques kilomètres d’un aéroport coréen, un appareil civil chinois entre en collision avec un flanc de coteau. Enfin, un accident d’Airbus en France révèle l’existence d’un angle mort technologique.</t>
  </si>
  <si>
    <t>25:45:00:00</t>
  </si>
  <si>
    <t>P0944429</t>
  </si>
  <si>
    <t>Air Crash : Erreur au décollage</t>
  </si>
  <si>
    <t>Take Off Tragedies</t>
  </si>
  <si>
    <t>Trois tragédies révèlent les conséquences désastreuses que peuvent avoir des erreurs mineures au moment du décollage. À l’approche d’un typhon à Taïwan, un Boeing 747 s’écrase sur le tarmac. À Détroit, un DC-9 laisse une traînée de débris calcinés sur plusieurs kilomètres derrière lui peu après son envol. Après une réparation superficielle sur le sol de Madrid, un équipage distrait commet une erreur fatale.</t>
  </si>
  <si>
    <t>26:30:00:00</t>
  </si>
  <si>
    <t>N0016131</t>
  </si>
  <si>
    <t>Air Crash : Catastrophe au Mont St Odile</t>
  </si>
  <si>
    <t>Doomed To Fail</t>
  </si>
  <si>
    <t xml:space="preserve">20 janvier 1992. Le vol 148 d'Air Inter vole au dessus des Vosges, et s'apprête à atterrir à l'aéroport de Strasbourg. Comme tous les avions A-320, les commandes de l'appareil sont automatisées. Alors que l'avion est programmé pour se poser sur une piste spécifique, les conditions météo obligent la tour de contrôle à modifier au dernier moment la piste d'atterrissage. Mais alors que les pilotes amorcent la descente, l'appareil se fend soudainement en deux, et s'écrase contre le flanc d'une montagne. Les secours arriveront-ils à temps pour sauver les passagers ? </t>
  </si>
  <si>
    <t>27:15:00:00</t>
  </si>
  <si>
    <t>27:35:00:00</t>
  </si>
  <si>
    <t>28:00:00:00</t>
  </si>
  <si>
    <t>N0021189</t>
  </si>
  <si>
    <t>L'histoire sous rayon X : Le Colisée</t>
  </si>
  <si>
    <t>Time Scanners</t>
  </si>
  <si>
    <t>Colosseum</t>
  </si>
  <si>
    <t>A Rome en Italie, l'ingénieur Steve Burrows dirige une équipe d'experts en quête de découvertes sur les mystères du Colisée. En utilisant les lasers 3D les plus perfectionnés, l'équipe veut répondre à trois interrogations : comment les romains produisaient-ils les plus impressionnants jeux de gladiateurs d'Europe ? Le Colisée avait-il un toit ? Enfin, comment comparer la structure du Colisée aux structures sportives modernes de notre époque ? Equipés de scanners derniers cris, l'équipe va fournir des indices essentiels et aider Steve à trouver les réponses.</t>
  </si>
  <si>
    <t>28:45:00:00</t>
  </si>
  <si>
    <t>N0021192</t>
  </si>
  <si>
    <t>L'histoire sous rayon X : La Cathédrale Saint-Paul</t>
  </si>
  <si>
    <t>St Paul's Cathedral</t>
  </si>
  <si>
    <t>L'ingénieur Steve Burrows emmène son équipe d'experts au coeur de Londres, et plus précisément à la Cathédrale St Paul. Ils s'aventurent dans le majestueux dôme pour explorer sa structure novatrice découvrent comment l'architecte Christopher Wren surmonta l'instabilité des fondations et comment la cathédrale a résisté aux bombes allemandes pendant la guerre. Les lasers produiront d'authentiques révélations et donneront à l'équipe un nouveau regard sur ce chef d'oeuvre architectural.</t>
  </si>
  <si>
    <t>29:30:00:00</t>
  </si>
  <si>
    <t>10/01/2021</t>
  </si>
  <si>
    <t>N0021196</t>
  </si>
  <si>
    <t>Fireworks for Dummies</t>
  </si>
  <si>
    <t>" Science of Stupid " est l'émission qui analyse scientifiquement les vidéos les plus spectaculaires et absurdes jamais enregistrées. Dans cet épisode nous verrons qu'il y a de nombreuses façons de se ridiculiser en faisant du pole-dance, en jouant sur un bâton sauteur et en coupant un arbre.</t>
  </si>
  <si>
    <t>N0023905</t>
  </si>
  <si>
    <t>Street Genius : La science explose</t>
  </si>
  <si>
    <t>Positively Shocking</t>
  </si>
  <si>
    <t>Ce nouvel épisode est consacré aux forces destructrices. Tim Shaw, le gourou de la science vous invite à découvrir la puissance d'une lame d'acier, la force d'un fusil de chasse, et l'action explosive d'un éclair artificiel. Tout cela au nom de la science bien entendu ! Pourrez-vous deviner le résultat des expériences menées par Tim dans les rues de Las Vegas ?</t>
  </si>
  <si>
    <t>N0023810</t>
  </si>
  <si>
    <t>Street Genius : Expériences chocs</t>
  </si>
  <si>
    <t>Shock &amp; Awe</t>
  </si>
  <si>
    <t>Tim Shaw, le génie de la rue, nous emmène sur la route pour nous expliquer pourquoi les choses font ce qu'elles font. Il se demande quel ballon météo rempli de gaz peut provoquer la plus grande explosion, ce qui se passe lorsque la pression de l'eau rivalise avec un réservoir en acier, combien de bandes de caoutchouc peuvent être étirées autour d'une pastèque, et quel étrange carburant pour fusée serait le plus efficace. Découvrez également comment étancher votre soif à l'aide... d'une tronçonneuse !</t>
  </si>
  <si>
    <t>P0920768</t>
  </si>
  <si>
    <t>Brain Games Superstars : L’amour sur le cerveau</t>
  </si>
  <si>
    <t>Brain Games</t>
  </si>
  <si>
    <t>Your Brain On Love</t>
  </si>
  <si>
    <t>Aux côtés du présentateur Keegan-Michael Key, l’actrice Rebel Wilson explore le pouvoir du subconscient au moment de tomber amoureux. À travers plusieurs jeux, nous verrons comment la symétrie faciale, la couleur des vêtements, les qualités vocales, la ressemblance avec des membres de notre famille et même un étui de guitare peuvent jouer en matière d’attirance. L’éminent mentaliste Lior Suchard laissera l’actrice sans voix lorsqu’il lui décrira un rancard dont elle se souvient, avant de former des couples avec des partenaires potentiels qui possèdent quelque chose de surprenant en commun. Rebel mettra ensuite à l’épreuve sa force et son habileté mentales lors du parcours d’obstacles.</t>
  </si>
  <si>
    <t>P0897921</t>
  </si>
  <si>
    <t>Brain Games Superstars : La bataille des sexes</t>
  </si>
  <si>
    <t>Gender Games</t>
  </si>
  <si>
    <t>Kristen Bell et Dax Shepard, couple d’acteurs marié, s’affrontent dans la « bataille des sexes », une série de jeux destinée à révéler les différences entre cerveaux masculins et féminins. Pour cela, ils devront relever plusieurs défis, du rangement des courses dans un réfrigérateur à la description de la tenue d’un mannequin, en passant par la résolution chronométrée d’un problème de maths. À Los Angeles, la correspondante Cara Santa Maria déterminera qui, des hommes ou des femmes, communique le mieux à l’aide d’un jeu téléphonique. Le mentaliste Lior Suchard devinera le nom du premier amour de chacun des acteurs, avant que ces derniers ne mesurent leur force et leur habileté mentales lors d’une ultime confrontation.</t>
  </si>
  <si>
    <t>P0902783</t>
  </si>
  <si>
    <t>Brain Games Superstars : Musique et cerveau</t>
  </si>
  <si>
    <t>The Sound of Music</t>
  </si>
  <si>
    <t>Aux côtés du présentateur Keegan-Michael Key, l’acteur et musicien Jack Black et son coéquipier Kyle Gass explorent les effets de la musique sur le cerveau. Improvisations musicales, illusions auditives et expériences étranges nous révèleront comment la musique affecte notre perception des images, des émotions et même des saveurs. L’éminent mentaliste Lior Suchard tentera de deviner la chanson à laquelle pense le musicien, tandis que ce dernier mettra à l’épreuve ses capacités cérébrales lors du parcours, avant d’être rejoint par l’autrice-compositrice-interprète Meghan Trainor pour une jam-session improvisée.</t>
  </si>
  <si>
    <t>Malédictions autour du monde : Malédiction en Virginie-Occidentale</t>
  </si>
  <si>
    <t>Atlas of Cursed Places</t>
  </si>
  <si>
    <t>The Curse of West Virginia</t>
  </si>
  <si>
    <t>Sam Sheridan part pour l’État des montagnes, aux États-Unis, sur les traces de l’homme-phalène, une créature ailée dont la présence signale l’avènement d’un cataclysme. Alors que les événements prennent une mauvaise tournure, il se retrouve empêtré dans une série de catastrophes, entre empoisonnement de la population, menaces physiques et manigances politiques, en Virginie-Occidentale.</t>
  </si>
  <si>
    <t>P0946339</t>
  </si>
  <si>
    <t>La grande rébellion des Incas</t>
  </si>
  <si>
    <t>Great Inca Rebellion, The</t>
  </si>
  <si>
    <t>Skeletons of The Inca Rebellion</t>
  </si>
  <si>
    <t>Un cimetière rempli de squelettes révèle des indices fracassants sur la chute de l’Empire inca. À la lumière d’outils médicolégaux nouveaux, de fragments archéologiques et historiques, nos connaissances sur les derniers jours de cet empire autrefois puissant se retrouvent bouleversées. Longtemps admis, le récit de la conquête espagnole à coups d’armes, d’acier et de chevaux est aujourd’hui éclairé par l’apport d’éléments inédits fascinants…</t>
  </si>
  <si>
    <t>N0015160</t>
  </si>
  <si>
    <t>De l'ombre à la lumière : La Sainte Couronne</t>
  </si>
  <si>
    <t>Ancient X Files</t>
  </si>
  <si>
    <t>Crown of Thorns</t>
  </si>
  <si>
    <t>Si l'on se réfère à l'évangile, le Couronne d'Epines fut portée par Jésus Christ durant sa crucifixion, et est aujourd'hui une des reliques catholiques les plus sacrées.  On dit que la relique existe toujours et serait dans la cathédrale de Notre-Dame à Paris. Patrick Hough, un prêtre jésuite, mène l'enquête. Dans la seconde partie de l'épisode, nous découvrons un ensemble de momies, ayant plus de 600 ans, découverts dans les montagnes du Pérou. Elles appartenaient  à une civilisation découverte que très récemment, nommé les Chachapoya, et qui, selon des études archéologiques, semblait croire à la vie après la mort, et notamment aux morts-vivants.</t>
  </si>
  <si>
    <t>N0015266</t>
  </si>
  <si>
    <t>De l'ombre à la lumière : Les derniers vampires</t>
  </si>
  <si>
    <t>Living Vampires</t>
  </si>
  <si>
    <t>Il y a plus de 4000 ans, un homme au crâne fracturé est jeté dans une fosse, une pierre placé sur son coeur. Il y a 1000 ans, 14 corps mutilés sont enterrés, des pieux  enfoncés dans leurs coeurs. Et il y a 8 ans, un corps déterré de sa tombe en Roumanie révèle d'étranges blessures : selon la légende, son coeur fut arraché et brûlé. Que signifient toutes ces histoires ? Un homme est persuadé d'avoir trouvé la réponse. Dans la seconde partie de cet épisode, découvrez l'histoire de deux enfants mystérieux aperçus dans un village en Angleterre il y a 850 ans. Selon les rumeurs ils avaient la peau verte, et parlaient une langue inconnue...</t>
  </si>
  <si>
    <t>N0020984</t>
  </si>
  <si>
    <t>L'histoire sous rayon X : Les pyramides d'Égypte</t>
  </si>
  <si>
    <t>Egyptian Pyramids</t>
  </si>
  <si>
    <t xml:space="preserve">Direction l'Egypte pour scanner les pyramides et les tombes des puissants Pharaons. Notre equipe d'expert veut découvrir comment de simples structures en briques sont devenues les plus impressionnants monuments de l'ancien monde. </t>
  </si>
  <si>
    <t>P0930554</t>
  </si>
  <si>
    <t>Dans l’ombre des pyramides</t>
  </si>
  <si>
    <t>Lost Tombs of The Great Pyramid</t>
  </si>
  <si>
    <t>Lost Tombs of the Pyramids, 1</t>
  </si>
  <si>
    <t>À l’ombre des pyramides, une équipe d’éminents archéologues se lance dans une campagne de fouilles hors du commun. Ce site énigmatique percera-t-il les secrets des grands pharaons ayant bâti ces monuments majestueux ? La découverte d’une pierre, sur laquelle est inscrit le nom du pharaon Khéphren, permettra-t-elle de faire la lumière quant au sort des dépouilles des pharaons des pyramides, résolvant ainsi l’un des plus grands mystères archéologiques de l’histoire ?</t>
  </si>
  <si>
    <t>Pêche à haut risque : nord contre sud - Dave le rusé</t>
  </si>
  <si>
    <t>Wicked Tuna: North Vs South</t>
  </si>
  <si>
    <t>Tricky Dave</t>
  </si>
  <si>
    <t>Le capitaine du FV-Tuna.com, Dave Carraro, reste fidèle à sa réputation qui lui vaut le surnom de « Dave le rusé ». Après plusieurs manœuvres sournoises, la flotte commence à sérieusement douter de lui.</t>
  </si>
  <si>
    <t>Pêche à haut risque : nord contre sud - Des moments difficiles</t>
  </si>
  <si>
    <t>Hard Times At Sea</t>
  </si>
  <si>
    <t>Alors que le Hot Tuna peine à débusquer le moindre poisson en raison d’une urgence, l’équipage du Reel E Bugging repousse ses limites afin de s’affirmer dans la compétition.</t>
  </si>
  <si>
    <t>P0894005</t>
  </si>
  <si>
    <t>Pêche à haut risque : nord contre sud - Rapides comme l’éclair</t>
  </si>
  <si>
    <t>The Fast And Furious</t>
  </si>
  <si>
    <t>Un poisson peut tout changer. À bord du Rasta Rocket, le capitaine Zack Shackleford et son jeune équipage doivent affronter les membres chevronnés de la flotte. Les petits nouveaux sauront-ils rivaliser avec la vieille garde ? En parallèle, le Falcon adopte une stratégie inédite afin de rester dans la course et le Reel E Bugging accélère le mouvement.</t>
  </si>
  <si>
    <t>P0894006</t>
  </si>
  <si>
    <t>Pêche à haut risque : nord contre sud - Pas de retour arrière</t>
  </si>
  <si>
    <t>No Backing Down</t>
  </si>
  <si>
    <t>Alors que les intempéries ravagent les Outer Banks, la flotte du Sud lutte pour conserver son avance. Mais les bateaux du Nord ne se laissent pas désarçonner, peu importe les difficultés. À l’heure où tout ne tient qu’à un poisson, les capitaines n’ont d’autre choix que de prendre des risques, sans se retourner. L’un d’eux est bien décidé à être le dernier survivant. Sa stratégie portera-t-elle ses fruits ?</t>
  </si>
  <si>
    <t>P0848260</t>
  </si>
  <si>
    <t>A la recherche du tombeau d'Alexandre le Grand</t>
  </si>
  <si>
    <t>Alexander The Great: His Lost Tomb Revealed</t>
  </si>
  <si>
    <t>The Lost Tomb of Alexander The Great</t>
  </si>
  <si>
    <t xml:space="preserve">L'archéologue Pepi Papakosta se lance à la recherche du tombeau perdu d’Alexandre le Grand. Lors de fouilles menées dans un jardin public du centre de la ville fondée par le conquérant il y a 2 300 ans, Alexandrie, elle exhume une rare statue de marbre à l’effigie d’Alexandre, des trésors grecs ainsi que des tunnels secrets. Mais l’archéologue n’est pas au bout de ses surprises : elle fait une découverte extraordinaire et pour le moins inattendue. </t>
  </si>
  <si>
    <t>N0013480</t>
  </si>
  <si>
    <t>De l'ombre à la lumière : Le mystère du tombeau de Gengis Khan</t>
  </si>
  <si>
    <t>Forbidden Tomb of Genghis Khan</t>
  </si>
  <si>
    <t>00:55</t>
  </si>
  <si>
    <t xml:space="preserve">La Mongolie se fait piller. L'orpaillage clandestin se développe au sein de ses terres, défigurant son sol et pillant ses rivières. La tombe de Gengis Khan est le secret le mieux gardé du pays. Elle le relie à son histoire politique et spirituelle. Mais elle risque d'être excavée et par la même occasion détruite. Un ingénieur et explorateur américain, Albert Yu-Min Lin, va tenter, à l'aide d'une technologie avancée et d'une poignée d'indices venant de textes anciens, de trouver et de protéger le tombeau du Grand Khan avant qu'il ne soit anéanti. Le gouvernement mongol approuve l'expédition d'Albert mais on lui a interdit de faire des fouilles archéologiques. Dans ce documentaire, nous accompagnons Albert dans une quête vraisemblablement impossible : trouver un corps sans pelleteuse, enseveli quelque part dans des terres dépassant les milliers de mètres carrés. Les recherches de Lin le mènent au mont Burkhan Khaldun, au coeur de la " zone interdite ". Mais afin d'y arriver, il doit d'abord surmonter une série d'obstacles naturels dont des terres hostiles, des rivières en crue et de violents orages. C'est au Burkhan Khaldun que Lin fait sa plus remarquable découverte, une découverte qui pourrait résoudre un mystère vieux de 800 ans et bouleverser la communauté archéologique pour les décennies à venir. </t>
  </si>
  <si>
    <t>P0828649</t>
  </si>
  <si>
    <t>Les dernières momies de Nouvelle Guinée</t>
  </si>
  <si>
    <t>Lost Mummies of New Guinea Update</t>
  </si>
  <si>
    <t>Lost Mummies of New Guinea Update, 1</t>
  </si>
  <si>
    <t>En Papouasie-Nouvelle-Guinée, les falaises qui surplombent le village de Koke abritent les ancêtres des habitants. Suspendues sur des fauteuils qui culminent le village, des momies ont été conservées afin que les vivants puissent venir leur rendre hommage. À l’arrivée de missionnaires européens dans la région dans les années 1950, le rituel de la momification a été interdit. L’aîné du village, Gemtasu, a voulu changer les choses : il refusait d’être inhumé dans le sol, sans que personne ne puisse le voir. Lorsque son heure viendrait, il souhaitait être momifié par sa famille, de la même manière qu’il avait lui-même embaumé son père. Maintenant que son heure est venue, l’exploratrice et photographe Ulla Lohmann s’est rendue sur place afin de décrire et d’honorer son vœu : partager son histoire avec le reste du monde.</t>
  </si>
  <si>
    <t>P0830115</t>
  </si>
  <si>
    <t>Les secrets de l'armée de terre cuite</t>
  </si>
  <si>
    <t>Jamie saves our bacon</t>
  </si>
  <si>
    <t>China’s Megatomb Revealed Cutdown</t>
  </si>
  <si>
    <t>Albert Lin, explorateur Nat Geo et réplique d’Indiana Jones, part enquêter sur les terribles mystères que renferme le tombeau du premier empereur de Chine, où l’illustre armée de terre cuite garde un macabre et foudroyant secret.</t>
  </si>
  <si>
    <t>11/01/2021</t>
  </si>
  <si>
    <t>N0021355</t>
  </si>
  <si>
    <t>Falling Through Ice Is Never Nice</t>
  </si>
  <si>
    <t xml:space="preserve">" Science of Stupid " est l'émission qui analyse scientifiquement les vidéos les plus spectaculaires et absurdes jamais enregistrées. 
</t>
  </si>
  <si>
    <t>N0021516</t>
  </si>
  <si>
    <t>Danger de mort : Aggression imprévue</t>
  </si>
  <si>
    <t>Do or Die</t>
  </si>
  <si>
    <t>Antler Assault</t>
  </si>
  <si>
    <t>Dans cet épisode, protégez-vous d'un cerf agressif qui vous attaque, réagissez vite lorsqu'un énorme morceau de glace s'effondre et crée une énorme vague qui fonce droit sur votre bateau et préparez-vous à l'impact d'une chute de 25m de haut après avoir raté une cascade.  Ces mésaventures peuvent vous arriver à tout instant ; saurez-vous prendre la bonne décision pour vous en sortir ?</t>
  </si>
  <si>
    <t>N0021696</t>
  </si>
  <si>
    <t>Danger de mort : Tomber à travers la glace</t>
  </si>
  <si>
    <t>Falling Through Ice</t>
  </si>
  <si>
    <t>Dans cet épisode, essayez de vous tirer d'affaire lorsque la glace craque et vous précipite dans un lac gelé, faîtes preuve d'imagination lorsqu'une douzaine de chiens vous poursuivent soudainement sur une route isolée et préparez-vous au pire lors d'une promenade tranquille en bateau qui tourne mal. A tout moment, vous pouvez avoir affaire à ces situations et dans chaque cas vous êtes en danger de mort, que feriez-vous ?</t>
  </si>
  <si>
    <t>P0752841</t>
  </si>
  <si>
    <t>Air Crash : Mythe mortel</t>
  </si>
  <si>
    <t>Deadly Myth</t>
  </si>
  <si>
    <t xml:space="preserve">Lorsqu'un vol régional à destination de Detroit se termine en une spirale mortelle, c'est aux enquêteurs d'en déterminer la cause et d'empêcher un tel accident de se reproduire. Ils étudient les débris de l'avion à la recherche d'indices, et une analyse minutieuse des informations de vol finit par les mener à une conclusion incroyable : le vol 3272 était un danger connu de l'industrie depuis des années. 
</t>
  </si>
  <si>
    <t>N0013451</t>
  </si>
  <si>
    <t>Air Crash : Perdu en plein vol</t>
  </si>
  <si>
    <t>Out of Sight</t>
  </si>
  <si>
    <t>Dans cette nouvelle saison, AIR CRASH reprend ses enquêtes dans l'espoir de découvrir la vérité derrière ces accidents aériens souvent tragiques. Basé sur des enregistrements, des rapports et des témoignages, chaque épisode relate minute par minute le déroulement du drame à partir d'interviews, images de synthèse spectaculaires et reconstitutions captivantes.</t>
  </si>
  <si>
    <t>N0000992</t>
  </si>
  <si>
    <t>Megastructures : Le Boeing 747</t>
  </si>
  <si>
    <t>Megastructures</t>
  </si>
  <si>
    <t>747 Breakdown</t>
  </si>
  <si>
    <t xml:space="preserve">Au Centre Aéronautique d'Evergreen, à Marana dans l'Arizona, les avions ayant terminé leurs années de service sont recyclés au lieu d'être laissés à l'abandon au bout d'une piste ou dans un hangar. Dans cet épisode, nous assistons étape par étape au recyclage d'un avion, du pompage des fluides toxiques à l'extraction des pièces  de valeur, en passant par le découpage du fuselage. 
</t>
  </si>
  <si>
    <t>P0815557</t>
  </si>
  <si>
    <t>Megastructures : Louvre Abu Dhabi</t>
  </si>
  <si>
    <t>Megastructures Louvre Abu Dhabi</t>
  </si>
  <si>
    <t>New Zealand</t>
  </si>
  <si>
    <t>Bercé par les eaux du golfe Persique, le Louvre Abu Dhabi s’érige au-dessus des flots. Imaginé par l’illustre architecte Jean Nouvel, ce musée d’inspiration arabe a été bâti en collaboration avec le Louvre parisien et abrite plus de 400 chefs-d’œuvre d’une valeur inestimable. Une immense coupole d’acier de 7000 tonnes recouvre ses galeries, une prouesse d’ingénierie inédite. Le Louvre Abu Dhabi constitue une merveille architecturale avant-gardiste, et peut-être même une œuvre d’art à part entière.</t>
  </si>
  <si>
    <t>N0019333</t>
  </si>
  <si>
    <t>Car S.O.S. : RS Cosworth en crise</t>
  </si>
  <si>
    <t>Car S.O.S.</t>
  </si>
  <si>
    <t>Cosworth In Crisis</t>
  </si>
  <si>
    <t xml:space="preserve">Tim et Fuzz vont à la rescousse d'une vieille Sierra RS Cosworth, oubliée dans un garage depuis que le frère du propriétaire a été victime d'un tragique accident. Une course contre la montre commence lorsque l'équipe termine la révision complète du véhicule... </t>
  </si>
  <si>
    <t>N0021517</t>
  </si>
  <si>
    <t>Car S.O.S. : Le retour de la Daimler Dart</t>
  </si>
  <si>
    <t>Start The Dart</t>
  </si>
  <si>
    <t>Tim et Fuzz se rendent à Berkshire pour redonner un peu de vitalité à une voiture de sport des années soixante, une Daimler SP250 qui prend la poussière dans un abri de jardin. Son propriétaire, Colin, a toujours rêvé de conduire sa propre Daimler Dart mais une suite d'événements tragiques l'a empêché de réaliser ce rêve. Les fils de Colin, Gordon et Durran, appellent Car S.O.S. à l'aide : ils veulent que la voiture soit restaurée mais aussi adaptée à leur père blessé lors d'un crash dont il a été victime. Les imprévus se multiplient et retardent les réparations qui doivent être finie à temps pour l'anniversaire des 70 ans de Colin.</t>
  </si>
  <si>
    <t>Trésors sous les mers : Pirates des Caraïbes</t>
  </si>
  <si>
    <t>Drain The Oceans</t>
  </si>
  <si>
    <t>Drain Pirate Ships of The Caribbean</t>
  </si>
  <si>
    <t>De toutes les mers de la planète, les Caraïbes sont particulièrement connues pour leurs pirates. La découverte d’épaves disparues nous livre aujourd’hui le récit de leurs hauts faits, des pillages violents d’Henry Morgan sur les territoires espagnols d’Amérique aux dernières semaines du pirate légendaire Barbe Noire. Comment la localisation unique des Caraïbes, au carrefour de l’empire, en fit-elle un repaire de corsaires ?</t>
  </si>
  <si>
    <t>Trésors sous les mers : La bataille d’Angleterre</t>
  </si>
  <si>
    <t>Drain The Battle of Britain</t>
  </si>
  <si>
    <t>Été 1940. Alors que les nazis ont envahi la France, seule une trentaine de kilomètres les séparent de leur prochaine cible : la Grande-Bretagne. La redoutable Luftwaffe reçoit l’ordre de bombarder le pays jusqu’à sa soumission, de détruire la Royal Air Force et de préparer une invasion par la mer. Découvrez les épaves d’avions et de navires qui témoignent de la résilience de l’Angleterre face aux pillards nazis et de sa victoire sur Hitler.</t>
  </si>
  <si>
    <t>Trésors sous les mers : La guerre de Sécession</t>
  </si>
  <si>
    <t>Drain Raiders of The Civil War</t>
  </si>
  <si>
    <t>La guerre de Sécession américaine ne s’est pas cantonnée aux champs de bataille terrestres. Les fleuves des États-Unis, les côtes et les océans du globe ont également été le théâtre de cette guerre civile. Des archéologues sous-marins et des historiens partent aujourd’hui sur les traces de champs de bataille maritimes oubliés. Grâce à l’association de données scientifiques et d’images de synthèse, nous évacuerons les eaux et retracerons ce conflit qui a bouleversé à jamais les règles de la guerre.</t>
  </si>
  <si>
    <t>P0950356</t>
  </si>
  <si>
    <t>Trésors sous les mers : La Seconde Guerre mondiale</t>
  </si>
  <si>
    <t>Drain The Last Wrecks of WWII</t>
  </si>
  <si>
    <t>À l’aide des dernières technologies, une opération d’exploration sous-marine met au jour l’existence d’un navire naufragé de la Seconde Guerre mondiale. L’épave de l’un des U-boat d’Hitler laisse, encore aujourd’hui, des séquelles empoisonnées. L’attaque de la marine américaine par un pilote kamikaze révèle les méthodes désespérées du Japon. Bien déterminée à remporter la guerre du Pacifique, l’armée américaine précipite l’ultime bombardier en date au cœur de la bataille.</t>
  </si>
  <si>
    <t>P0950332</t>
  </si>
  <si>
    <t>Trésors sous les mers : L’histoire de Chicago</t>
  </si>
  <si>
    <t>Drain Chicago</t>
  </si>
  <si>
    <t>L’évacuation du lac Michigan révèle au grand jour la mystérieuse histoire de la ville de Chicago. Découvrez le récit d’une catastrophe qui a causé la mort de 300 personnes, la résolution d’une énigmatique tragédie de Noël ainsi qu’un programme de formation de la marine hérité de la Seconde Guerre mondiale. Nous vous dévoilerons également le bijou technologique qui a permis de décongestionner la ville à la croissance la plus rapide sur la planète. Risque et ambition ont forgé l’extraordinaire histoire de Chicago, qui en a parfois payé le prix…</t>
  </si>
  <si>
    <t>La route de l'enfer : Norvège - Embouteillages périlleux</t>
  </si>
  <si>
    <t>Ice Road Rescue</t>
  </si>
  <si>
    <t>Gridlock Hazard</t>
  </si>
  <si>
    <t>Dans cet épisode, Thord se démène pour dépanner un camion qui bloque un col de montagne, face à des conducteurs impatients prêts à mettre sa vie en péril.</t>
  </si>
  <si>
    <t>La route de l'enfer : Norvège - Qui commande ?</t>
  </si>
  <si>
    <t>Who's Boss?</t>
  </si>
  <si>
    <t>Les deux patrons Thord et Bjoern unissent leurs forces afin de dépanner une imposante remorque. En désaccord sur la manière d’accomplir leur mission, la situation s’envenime.</t>
  </si>
  <si>
    <t>N0024851</t>
  </si>
  <si>
    <t>Ultimate Airport Dubai: Episode 29</t>
  </si>
  <si>
    <t>Ultimate Airport Dubai</t>
  </si>
  <si>
    <t>Ultimate Airport Dubai 3 - Eps 9</t>
  </si>
  <si>
    <t>Leigh se bat pour mettre sur cric un 777 de 300 tonnes et réussir à trouver l'origine d'une fuite hydraulique. Myles n'a plus que quelques minutes pour régler des erreurs avant un nouvel exercice organisé au Hall D. Pas non plus de répit pour Carl, il doit charger une cargaison prioritaire de 95 tonnes d'aide d'urgence à destination des victimes du tremblement de terre au Népal. Hassan fait une belle prise en arrêtant un homme tentant d'entrer à Dubaï avec de faux passeports.</t>
  </si>
  <si>
    <t>N0024807</t>
  </si>
  <si>
    <t>Ultimate Airport Dubai: Episode 24</t>
  </si>
  <si>
    <t>Ultimate Airport Dubai 3 - Eps 4</t>
  </si>
  <si>
    <t>Mel répond à un appel d'urgence d'un passager et doit faire face à l'un des pires scénarios. Nizel doit décider si un avion-cargo partiellement rempli peut décoller ou non. Abdulrahman, le pompier stagiaire doit quant à lui aider à éteindre un incendie de carburant et Nizalman, l'ingénieur, teste les limites d'un moteur nouvellement rénové.</t>
  </si>
  <si>
    <t>Pêche à haut risque : nord contre sud - Coup de chance</t>
  </si>
  <si>
    <t>Make Your Own Luck</t>
  </si>
  <si>
    <t>Tandis que le quota de thons rouges semble bientôt atteint, les capitaines doivent déterminer si leurs compétences ou un coup de chance leur permettront de remonter le classement.</t>
  </si>
  <si>
    <t>Pêche à haut risque : nord contre sud - Cruel dilemme</t>
  </si>
  <si>
    <t>Graveyard Shift</t>
  </si>
  <si>
    <t>Face aux vents tempétueux qui s’abattent sur le célèbre banc de sable du bras de mer de l’Oregon, nos capitaines se retrouvent confrontés à un dilemme : prendre le risque et triompher ou rebrousser chemin.</t>
  </si>
  <si>
    <t>P0894007</t>
  </si>
  <si>
    <t>Pêche à haut risque : nord contre sud - Le poisson miracle</t>
  </si>
  <si>
    <t>Miracle Fish</t>
  </si>
  <si>
    <t>À l’heure où la compétition est plus serrée que jamais, un seul poisson peut faire toute la différence. Pour s’emparer de la première place, les capitaines misent sur leur chance. Or, le Reel E Bugging est bien décidé à ne pas céder son rang. Un bateau reçoit un coup de pouce pour le moins inattendu.</t>
  </si>
  <si>
    <t>P0894008</t>
  </si>
  <si>
    <t>Pêche à haut risque : nord contre sud - Le mal du pays</t>
  </si>
  <si>
    <t>The Home Run</t>
  </si>
  <si>
    <t>Après une seconde augmentation du quota, la saison commence à se faire longue pour certains pêcheurs, épuisés. Bien que tout le monde soit ravi à l’idée de pêcher et de gagner davantage, nombreux sont ceux qui souffrent de l’absence de leur femme, de leurs enfants et de leur vie au pays. Mais les locaux du Kahuna ont l’expérience du terrain et sont bien décidés à en tirer parti.</t>
  </si>
  <si>
    <t>12/01/2021</t>
  </si>
  <si>
    <t>N0021390</t>
  </si>
  <si>
    <t>Horsepower Is Not Your Friend</t>
  </si>
  <si>
    <t xml:space="preserve">" Science of Stupid " est l'émission qui analyse scientifiquement les vidéos les plus spectaculaires et absurdes jamais enregistrées. Dans cet épisode, Richard Hammond s'intéresse aux mille façons de se ridiculiser lorsqu'on fait de l'équitation, de la plongée et en jouant avec des balles. </t>
  </si>
  <si>
    <t>N0021529</t>
  </si>
  <si>
    <t>Danger de mort : Camion en crise</t>
  </si>
  <si>
    <t>Icy Highway Crisis</t>
  </si>
  <si>
    <t>Dans cet épisode, prenez le volant d'un camion sur une route verglacée, évitez la terrible morsure d'un alligator de 120 kilos et échappez à une dangereuse chute lorsqu'un escalator s'emballe soudainement. Etes-vous prêt à agir pour sauver votre peau ?</t>
  </si>
  <si>
    <t>N0021697</t>
  </si>
  <si>
    <t>Danger de mort : Catastrophe en mer</t>
  </si>
  <si>
    <t>Disaster On The High Seas</t>
  </si>
  <si>
    <t>Dans cet épisode, entrez dans la crise lorsqu'un énorme yacht vient s'écraser sur votre bateau, essayez de survivre à l'attaque d'un massif et agressif éléphant de mer et réfléchissez vite lorsque votre jeep se retourne et dévale une pente rocailleuse et escarpée. A tout moment, vous pouvez avoir affaire à ces situations et dans chaque cas vous êtes en danger de mort, que feriez-vous ?</t>
  </si>
  <si>
    <t>P0752842</t>
  </si>
  <si>
    <t>Air Crash : Point de rupture</t>
  </si>
  <si>
    <t>Turning Point</t>
  </si>
  <si>
    <t xml:space="preserve">Un Boeing 767 à destination de l'aéroport international de Gimhae, en Corée du Sud, se crashe dans une colline à quelques kilomètres de la piste. Tandis que la nation pleure la pire catastrophe aérienne qu'elle ait jamais connue, les enquêteurs font face à des preuves déroutantes : le capitaine du vol Air China 129, qui a survécu à l'accident, affirme que tout était normal à bord, mais les contrôleurs aériens attestent que ce n'était pas le cas des communications radio de l'équipage. 
</t>
  </si>
  <si>
    <t>N0013452</t>
  </si>
  <si>
    <t>Air Crash : Vol Officiel</t>
  </si>
  <si>
    <t>Inbound</t>
  </si>
  <si>
    <t>N0014164</t>
  </si>
  <si>
    <t>Megastructures : Tunnel sous-marin</t>
  </si>
  <si>
    <t>Korean Superlink</t>
  </si>
  <si>
    <t>Un pays qui n´a encore jamais construit de tunnel submergé relève le défi de bâtir l´autoroute immergée la plus profonde au monde. Ce projet est absolument démesuré : chacun des immenses segments du tunnel est long comme deux terrains de football et aussi lourd qu´un porte-avions. Pourtant, tous ces segments doivent être alignés à 35 millimètres près, à peine la longueur d´un pouce. Un autre paramètre vient compliquer le projet : les travaux doivent être planifiés en fonction des conditions météorologiques instables du Pacifique. Et le tunnel doit pouvoir résister aux tremblements de terre et aux typhons. Pour y parvenir, les ingénieurs devront inventer une multitude de solutions ingénieuses.</t>
  </si>
  <si>
    <t>P0837013</t>
  </si>
  <si>
    <t>Megastructures: Sagrada Familia</t>
  </si>
  <si>
    <t>Megastructures: Sagrada Familia, 1</t>
  </si>
  <si>
    <t>Spain</t>
  </si>
  <si>
    <t xml:space="preserve">Pénétrez les coulisses de l’un des bâtiments les plus inspirants et les plus ingénieux d’Europe. Sa lente édification a permis d’associer des techniques de construction traditionnelles à des outils scientifiques et technologiques révolutionnaires tels que la visualisation 3D. La Sagrada Familia se fait symbole de l’harmonie entre tradition et modernité, entre les bâtisseurs de cathédrales médiévales et les génies du post-modernisme.
</t>
  </si>
  <si>
    <t>N0019334</t>
  </si>
  <si>
    <t>Car S.O.S. : Un amour de Coccinelle</t>
  </si>
  <si>
    <t>Beetle Mania</t>
  </si>
  <si>
    <t xml:space="preserve">Tim et Fuzz se rendent à Southampton afin de réparer une vieille coccinelle nommée Boris. L'équipe débute les réparations qui s'annoncent difficiles et, comme à leur habitude, les deux mécaniciens ne sont pas d'accord sur les détails. Mais tout finit bien lorsque " Boris " est restituée à son propriétaire qui sera très agréablement surpris. </t>
  </si>
  <si>
    <t>N0021583</t>
  </si>
  <si>
    <t>Car S.O.S. : Au secours de la Morris Traveller</t>
  </si>
  <si>
    <t>Morris Traveller Mayday</t>
  </si>
  <si>
    <t xml:space="preserve">Tim et Fuzz se rendent à Leighton Buzzard pour s'occuper d'une Morris Traveller de 1968. Elle a été achetée par Richard et Tracy qui souhaitaient la restaurer pour les 17 ans de leur fils Justin passionné de voiture. D'abord victime d'un réparateur malhonnête qui les a arnaqué, Justin tombe par la suite malade alors qu'il s'apprêtait à reprendre les réparations lui-même. Sept ans plus tard, Tim et Fuzz répondent à l'appel mais cela s'avère difficile et beaucoup plus long qu'ils ne l'avaient prévu. L'équipe Car S.O.S. va devoir travailler dur pour finir à temps le cadeau d'anniversaire retardé de Justin. </t>
  </si>
  <si>
    <t>P0784425</t>
  </si>
  <si>
    <t>Patrouille dans les bidonvilles</t>
  </si>
  <si>
    <t>Patrouille</t>
  </si>
  <si>
    <t>Patrouille dans les bidonvilles : Brésil et Afrique du Sud</t>
  </si>
  <si>
    <t>France</t>
  </si>
  <si>
    <t>Jean Bourbonnais,Jeremie Sok,Karina Marceau,Pascal Carron,Sylvain Braun</t>
  </si>
  <si>
    <t xml:space="preserve">Rio de Janeiro, au Brésil, est célèbre pour ses plages appréciées des touristes. Toutefois, derrière cette image de carte postale, 20 % de la population vit dans des bidonvilles appelés favelas. Dans ces quartiers laissés pour compte, les narcotrafiquants font la loi. Depuis 2008, l’État a décidé de frapper fort et de faire chuter la criminalité en envoyant une unité spéciale : les BOPE. Leur mission : réinstaller la police dans tous les quartiers.
Au Cap, en Afrique du Sud, le tourisme est florissant pour ses activités de plein air, notamment le surf. Mais derrière cette façade se cachent d’innombrables bidonvilles, les townships. 80 % des habitants vivent dans ces bidonvilles. C’est également dans ces zones que la délinquance sévit, majoritairement liée à la vente de drogue. Les délinquants forment des gangs et les règlements de compte entre bandes rivales font des carnages. Face à l’ampleur du problème, la ville du Cap a mis en place ses propres policiers : la Metropolitan Police.
</t>
  </si>
  <si>
    <t>P0784428</t>
  </si>
  <si>
    <t>Patrouille dans les territoires du narcotrafic</t>
  </si>
  <si>
    <t>Patrouille dans les territoires du narcotrafic : Pérou et Afghanistan</t>
  </si>
  <si>
    <t xml:space="preserve">Le Pérou partage, avec la Colombie, la première place au rang des plus gros producteurs de cocaïne. Depuis quelques années, la cocaïne péruvienne a gagné la triste réputation d’être la plus pure du marché. Elle est donc très convoitée par les mafias du monde entier. La forêt péruvienne est un milieu hostile, idéal pour y camoufler des activités clandestines. Alors, pour aller frapper le trafic directement sur les lieux de production, la police antidrogue péruvienne compte sur les Sinchis. 
De son côté, l’Afghanistan est le premier producteur mondial d’opium et de haschich, une économie occulte qui rapporterait plus de deux milliards de dollars par an aux barons de la drogue. Pour lutter contre ce fléau, la direction de la police antidrogue afghane, la CNPA, a créé les Kabul Gates. Leur mission : détecter, saisir et détruire la drogue que les trafiquants tentent d’introduire dans la ville.
</t>
  </si>
  <si>
    <t>P0784429</t>
  </si>
  <si>
    <t>Patrouille touristique</t>
  </si>
  <si>
    <t>Patrouille touristique : Mexique et Thaïlande</t>
  </si>
  <si>
    <t>Acapulco se classe au second rang des villes ayant le plus haut taux d’homicide au monde avec 104 meurtres pour 100 000 habitants. Les cartels règnent en maîtres dans certains quartiers. Étalés dans les médias, les règlements de comptes et luttes sanglantes pour le contrôle de la drogue ont eu pour effet de faire fuir les touristes étrangers. Être policier ici, c’est risquer sa vie chaque jour. Une tâche exigeante qu’assument les membres d’une unité spéciale. 
À l’autre bout du monde, en Thaïlande, la ville de Pattaya en Thaïlande ne vit que par et pour le tourisme. C’est plus de 4 millions de visiteurs qui prennent d’assaut chaque année cette petite ville d’à peine 100 000 habitants. Encouragés par le coût de la vie plutôt bas, attirés par une vie nocturne propice à tous les excès, les touristes débarquent de partout. Dans les quartiers chauds de la ville, cela se traduit souvent par des débordements violents. Les autorités thaïlandaises ont décidé de mettre un terme à ces excès.</t>
  </si>
  <si>
    <t>P0784430</t>
  </si>
  <si>
    <t>Patrouille au féminin</t>
  </si>
  <si>
    <t>Patrouille au féminin : Palestine et Inde</t>
  </si>
  <si>
    <t>À Ramallah, capitale administrative de l’Autorité palestinienne, les femmes qui composent les forces de police sont peu nombreuses, mais leur rôle est essentiel dans ce pays conservateur. Ce sont à elles que l’on octroie les tâches délicates qui impliquent les Palestiniennes.
À Hyderabad, en Inde, la pauvreté côtoie la richesse. Vols, viols, meurtres et conflits interreligieux : voici quelques-uns des crimes que les 15 000 policiers d’Hyderabad combattent jour après jour. Les crimes contre les femmes et la violence domestique y atteignent des taux effarants. C’est pourquoi on y retrouve des postes de police dédiés exclusivement aux femmes et dirigés par des femmes.</t>
  </si>
  <si>
    <t>P0784431</t>
  </si>
  <si>
    <t>Patrouille dans les capitales européennes</t>
  </si>
  <si>
    <t>Patrouille dans les capitales européennes : Paris et Londres</t>
  </si>
  <si>
    <t>À Paris, les Champs-Élysées glanent des riches, des pauvres, des mendiants ou encore des escrocs. Pour lutter contre toute la délinquance qui s'y opère, une brigade spéciale a été créée : la BST. Une brigade qui doit œuvrer sur tous les fronts.
À Londres, dans le quartier de Nothing Hill, les communautés se côtoient mais ne se mélangent pas. Et quand elles se croisent d’un peu trop près, les violences s’accentuent. Le jour, les polices locales sécurisent et restes proches des riverains. La nuit, l’atmosphère devient plus électrique. Une unité spéciale fait la guerre aux gangs de Nothing Hill. La TSG !</t>
  </si>
  <si>
    <t>La route de l'enfer : Norvège - Pagaille nocturne</t>
  </si>
  <si>
    <t>Moonlight Mayhem</t>
  </si>
  <si>
    <t>Alors que le temps presse et que les agents de police font monter la tension, Thord se démène pour remettre un véhicule à 16 roues sur la bonne voie.</t>
  </si>
  <si>
    <t>La route de l'enfer : Norvège - Nouvelles recrues</t>
  </si>
  <si>
    <t>Rookie Challenge</t>
  </si>
  <si>
    <t>Suite à sa décision de confier la première mission en solitaire à ses nouvelles recrues, le jeune patron Ole Henrik doit finalement accourir à leur rescousse.</t>
  </si>
  <si>
    <t>N0024852</t>
  </si>
  <si>
    <t>Ultimate Airport Dubai: Episode 30</t>
  </si>
  <si>
    <t>Ultimate Airport Dubai 3 - Eps 10</t>
  </si>
  <si>
    <t>À l'aéroport international le plus fréquenté au monde, la douane a beaucoup de travail. Ce n'est pas le douanier Hassan qui dira le contraire. Il vient d'arrêter un  trafiquant transportant pas moins de 2 000 flacons de médicaments interdits. Pour Nizel, les enjeux aussi sont importants puisqu'il doit organiser une livraison d'argent liquide de 20 millions de dollars à destination de l'aéroport d'Heathrow, à Londres. Du côté de Myles, la pression est à son comble. Il doit préparer le Hall D pour son inspection finale par l'un des hommes les plus influents de Dubaï et propriétaire de l'aéroport, son altesse royale le Sheikh Ahmed Al Maktoum</t>
  </si>
  <si>
    <t>N0024847</t>
  </si>
  <si>
    <t>Ultimate Airport Dubai: Episode 25</t>
  </si>
  <si>
    <t>Ultimate Airport Dubai 3 - Eps 5</t>
  </si>
  <si>
    <t>Avec le mauvais temps et la glace qui commence à se former sur les ailes de certains avions, Georges est sur le qui-vive. Pour Myles, c'est la catastrophe, les pluies du désert s'infiltrent dans le Hall D et  menacent de faire s'écrouler une partie du plafond. Abdulrahman et Yared, les pompiers stagiaires doivent réussir leur test de recherches et sauvetage s'ils veulent atteindre leur objectif : devenir pompiers aéroportuaires. De son côté, Jo se démène pour faire en sorte qu'un groupe de Chinois ne rate pas son avion et Leigh doit intervenir en urgence sur un appareil endommagé par la foudre.</t>
  </si>
  <si>
    <t>N0018088</t>
  </si>
  <si>
    <t>Aéroport JFK : Pris en flag ! : Le baron de la drogue</t>
  </si>
  <si>
    <t>Courier To Kingpin</t>
  </si>
  <si>
    <t>P0884964</t>
  </si>
  <si>
    <t>Ultimate Airport : Amérique latine - Haute trahison</t>
  </si>
  <si>
    <t>Airport Security Compilations</t>
  </si>
  <si>
    <t>Busted And Betrayed</t>
  </si>
  <si>
    <t>Face aux mules qui s’ignorent, les autorités des aéroports de Colombie et du Pérou doivent rester sur leurs gardes. À la demande de son petit-ami, une femme transporte des bouteilles dont elle méconnaissait le contenu, qui se révèle être de la cocaïne liquide. Un homme dissimulant de la poudre blanche dans sa valise accuse son gendre. Une Américaine serait tombée dans le trafic de drogue contre son gré. Un ouvrier du bâtiment reçoit un sac rempli de cocaïne. Un Ukrainien affirme avoir trahi et dupé son ami.</t>
  </si>
  <si>
    <t>P0884975</t>
  </si>
  <si>
    <t>Ultimate Airport : Amérique latine - Entreprise à risque</t>
  </si>
  <si>
    <t>Risky Business</t>
  </si>
  <si>
    <t>Le trafic de drogue est une entreprise à haut risque. Dans les aéroports de Colombie et du Pérou, des suspects sont prêts à tout pour échapper aux radars. Un couple en partance pour Punta Cana défie les apparences. Une femme en possession de cocaïne voulait lancer son activité et venir en aide à sa famille. Alors qu’elle dissimule de la poudre blanche dans des tapis faits main, une mule débutante joue gros et perd son pari. Dans l’espoir de retrouver ses proches en Europe, un Syrien a recours à de faux papiers à deux reprises.</t>
  </si>
  <si>
    <t>Ultimate Airport Pérou et Brésil : Briques de cocaïne</t>
  </si>
  <si>
    <t>Cocaine Brick Bust</t>
  </si>
  <si>
    <t>Dans cet épisode, plus de 30 kilos de briques de cocaïne sont retrouvés à bord d’un avion, une femme enceinte sème le doute et une mule livre un récit tragique après son arrestation.</t>
  </si>
  <si>
    <t>13/01/2021</t>
  </si>
  <si>
    <t>N0021356</t>
  </si>
  <si>
    <t>Wheelies Gone Wrong</t>
  </si>
  <si>
    <t>" Science of Stupid " est l'émission qui analyse scientifiquement les vidéos les plus spectaculaires et absurdes jamais enregistrées. Dans cet épisode, Richard Hammond va explorer le degré de douleur et d'humiliation qu'il peut exister lorsqu'on fait des cascades en scooter, du hip-hop ou qu'on se balance sur une corde.</t>
  </si>
  <si>
    <t>N0021698</t>
  </si>
  <si>
    <t>Danger de mort : Ciel en feu</t>
  </si>
  <si>
    <t>Fire In The Sky</t>
  </si>
  <si>
    <t>Dans cet épisode, protégez-vous de l'explosion d'une météorite en pleine ville, essayez de survivre aux décombres d'un immeuble qui s'est effondré et battez-vous contre un anaconda géant qui a décidé de faire de vous son prochain repas. Dans chaque cas vous êtes en danger de mort, que feriez-vous ?</t>
  </si>
  <si>
    <t>N0021699</t>
  </si>
  <si>
    <t>Danger de mort : Coulée de boue</t>
  </si>
  <si>
    <t>Deadly Mudslide</t>
  </si>
  <si>
    <t>Dans cet épisode, tentez de rester en vie après vous être retrouvé coincé dans une bousculade, fuyez face à la poursuite de gros chiens prêts à vous réduire en lambeaux et réagissez vite lorsqu'une coulée de boue fonce sur votre voiture. Ces mésaventures peuvent vous arriver à tout instant. Saurez-vous prendre la bonne décision pour vous en sortir ?</t>
  </si>
  <si>
    <t>P0752844</t>
  </si>
  <si>
    <t>Air Crash : Preuve explosive</t>
  </si>
  <si>
    <t>Explosive Proof</t>
  </si>
  <si>
    <t xml:space="preserve">Quelques minutes après son décollage de l'aéroport JFK, à New York, le vol TWA 800 est détruit par une énorme explosion. Avec un possible attentat sur les bras, le FBI prête main forte aux enquêteurs de la NTSB, qui cherche des réponses. Les deux agences espèrent des résultats rapides, mais l'enquête sur le vol TWA 800 va finir par les monter l'une contre l'autre, et devenir l'enquête la plus longue, la plus coûteuse et la plus ambitieuse jamais réalisée. 
</t>
  </si>
  <si>
    <t>N0013614</t>
  </si>
  <si>
    <t>Air Crash : Le crash de Charm El-Cheikh</t>
  </si>
  <si>
    <t>Desperate Dive</t>
  </si>
  <si>
    <t>3 janvier 2004. Quelques instants après avoir quitté l'aéroport de Charm-el Cheik, un Boeing 737 s'écrase dans la Mer Rouge. Aucun des 148 passagers à bord n'a survécu. Les enregistreurs de vol dévoilent les derniers instants de l'avion.
Etait-ce un acte de terrorisme ? Une défaillance technique ? Ou bien l'erreur fatale d'un équipage expérimenté ?</t>
  </si>
  <si>
    <t>P0778932</t>
  </si>
  <si>
    <t>Mégastructures : Astana, capitale des extrêmes</t>
  </si>
  <si>
    <t>Astana: Future City</t>
  </si>
  <si>
    <t>Astana: Future City 1, 1</t>
  </si>
  <si>
    <t xml:space="preserve"> Découvrez la ville la plus impressionnante de la planète : Astana, capitale du Kazakhstan. À Astana, c’est la ville dans sa totalité qui constitue une mégastructure. Dans cette capitale au développement effréné, les huttes en paille ont été remplacées par des gratte-ciel en l’espace d’à peine 20 ans, le tout dans un climat parmi les plus difficiles du monde, le thermomètre affichant de -40 °C l’hiver à +40 °C l’été. Aucune autre capitale ne fait face à de tels écarts de températures.</t>
  </si>
  <si>
    <t>P0859029</t>
  </si>
  <si>
    <t>Megastructures : Beluga XL</t>
  </si>
  <si>
    <t>Megastructures: BelugaXL</t>
  </si>
  <si>
    <t>Fabrice Gardel,Josselin Mahot</t>
  </si>
  <si>
    <t>Megastructures : BelugaXL raconte l’incroyable aventure de la naissance du BelugaXL. Construit à travers toute l’Europe en six exemplaires, le BelugaXL est un immense avion-cargo destiné à transporter les pièces d’avions fabriquées par Airbus vers les usines d’assemblage de Toulouse. Dès 2023, il jouera un rôle clé dans l’incroyable accélération de la production du géant aéronautique, qui prévoit de livrer 37 000 avions dans les vingt prochaines années.</t>
  </si>
  <si>
    <t>N0019335</t>
  </si>
  <si>
    <t>Car S.O.S. : Coup de chaud pour la Jeep !</t>
  </si>
  <si>
    <t>Phoenix Jeep</t>
  </si>
  <si>
    <t>L'équipe va devoir reconstruire la jeep bien-aimée d'un homme, endommagée dans un incendie criminel. L'engin est en si mauvais état que de nombreuses pièces vont devoir être remplacées mais Tim refuse de se décourager ! Il compte bien restaurer la voiture comme il se doit...</t>
  </si>
  <si>
    <t>N0021582</t>
  </si>
  <si>
    <t>Car S.O.S. : Le dilemme danois</t>
  </si>
  <si>
    <t>Danish Dilemma</t>
  </si>
  <si>
    <t>Tim et Fuzz partent au Danemark pour leur première mission de sauvetage internationale. La voiture qu'ils vont sauver est une Volvo Amazon de 1968, un héritage familial dont le propriétaire, Jens, ne peut plus s'occuper suite à une attaque cardiaque. De plus, Jens a été diagnostiqué d'une maladie dégénérative des yeux qui pourrait lui entraîner la perte de la vue. Avec tout cela, sa voiture adorée n'est plus qu'un projet à moitié terminé, immobilisée au garage. Sa famille a contacté Car S.O.S. dans l'espoir de redonner le moral à Jens en lui permettant de rouler une dernière fois avec son Amazon. Cette réparation longue distance sera-t-elle un succès ?</t>
  </si>
  <si>
    <t>P0884729</t>
  </si>
  <si>
    <t>Air Crash : Angle d’attaque impossible</t>
  </si>
  <si>
    <t>Impossible Pitch</t>
  </si>
  <si>
    <t>Un avion-cargo chute en piqué dans l’Arctique suédois. À mesure que les enquêteurs passent les preuves au peigne fin, un tableau terrifiant qui mêle chaos et confusion se dessine.</t>
  </si>
  <si>
    <t>P0884736</t>
  </si>
  <si>
    <t>Air Crash : Sans crier garde</t>
  </si>
  <si>
    <t>No Warning</t>
  </si>
  <si>
    <t>Un turbopropulseur approche d’un aéroport reculé de Papouasie, en Indonésie, et disparaît soudainement. Non loin de là, une fumée s’échappe d’un sommet de montagne et conduit les équipes de secours jusqu’à l’épave. Il ne reste plus aux enquêteurs qu’à découvrir pourquoi les trois systèmes censés empêcher la tragédie n’ont pas fonctionné.</t>
  </si>
  <si>
    <t>P0884737</t>
  </si>
  <si>
    <t>Air Crash : Un tueur dans le cockpit</t>
  </si>
  <si>
    <t>Cockpit Killer</t>
  </si>
  <si>
    <t>Alors en direction de Luanda, en Angola, le vol 470 de LAM Mozambique Airlines disparaît des écrans radars. Les gardes forestiers d’un parc reculé de Namibie finissent par découvrir l’épave. Les enquêteurs du NTSB se joignent à une équipe locale afin de faire toute la lumière sur cette affaire sans précédent. Les débris de l’appareil révèlent le premier indice probant. Après avoir écarté une multitude de causes plausibles, les experts se retrouvent face à une conclusion glaçante.</t>
  </si>
  <si>
    <t>P0884739</t>
  </si>
  <si>
    <t>Air Crash : Équipage tempétueux</t>
  </si>
  <si>
    <t>Stormy Cockpit</t>
  </si>
  <si>
    <t>Après un décollage en pleine tempête, un Boeing 737 flambant neuf fond sur l’Afrique de l’Ouest. Une équipe d’enquêteurs internationale ne tarde pas à débarquer au Cameroun. Submergé par la boue et les eaux, l’avion du vol 507 de Kenya Airlines s’est écrasé dans une mangrove, tuant tous les passagers à bord. Alors que les experts finissent par identifier l’erreur fatale à l’origine de la catastrophe, ils découvrent une série d’anomalies ayant provoqué la déroute de l’appareil.</t>
  </si>
  <si>
    <t>P0884733</t>
  </si>
  <si>
    <t>Air Crash : Tempête tropicale</t>
  </si>
  <si>
    <t>Runway Breakup</t>
  </si>
  <si>
    <t>Reliant Bogota à la minuscule île de San Andrés dans les Caraïbes, le vol 8250 d’Aires se retrouve pris au cœur d’une violente tempête tropicale. Alors que l’équipage tente de contourner les intempéries, des vents puissants et des pluies diluviennes s’abattent sur l’appareil lors de son approche finale. L’avion s’écrase au sol à quelques mètres de la piste d’atterrissage. Si les pilotes mettent en cause les conditions météorologiques, les enquêteurs finissent par découvrir que le motif de l’accident se trouvait… dans leur tête.</t>
  </si>
  <si>
    <t>La route de l'enfer : Norvège - Panique au sommet</t>
  </si>
  <si>
    <t>Tough At The Top</t>
  </si>
  <si>
    <t>Alors qu’une foreuse se retrouve suspendue au-dessus d’une falaise de 15 mètres de hauteur, Ole Henrik doit prendre une décision délicate qui pourrait bien lui coûter la vie.</t>
  </si>
  <si>
    <t>La route de l'enfer : Norvège - Danger sur les rochers</t>
  </si>
  <si>
    <t>Risk On The Rocks</t>
  </si>
  <si>
    <t>Dans cet épisode, Thord met sa vie en péril en rampant sous un camion de 20 tonnes en déséquilibre coincé sur des rochers.</t>
  </si>
  <si>
    <t>N0022616</t>
  </si>
  <si>
    <t>Ultimate Airport Dubai: Episode 11</t>
  </si>
  <si>
    <t>Snakes</t>
  </si>
  <si>
    <t>Durant l'heure de pointe du soir, George Perkins, contrôleur aérien reçoit l'appel que tous redoutent : un avion doit atterrir d'urgence à Dubaï après une panne de moteur. Il doit libérer la piste et alerter les services d'urgence pour préparer cet atterrissage à haut risque. Pendant ce temps, Mel Sabharwal, responsable des services de l'aéroport tente de découvrir pourquoi une passagère en transit voyage avec des serpents vivants dans son sac. Les douaniers arrêtent un passager suspect et découvre 14 kilos d'héroïne cachés dans la doublure de sa valise. De son coté, Carl Perkins tente de ne pas égratigner les voitures hors de prix qu'il doit charger dans un avion.</t>
  </si>
  <si>
    <t>N0024848</t>
  </si>
  <si>
    <t>Ultimate Airport Dubai: Episode 26</t>
  </si>
  <si>
    <t>Ultimate Airport Dubai 3 - Eps 6</t>
  </si>
  <si>
    <t>Aux quatre coins de l'aéroport, les employés se démènent pour que tout fonctionne 24h/24 et 7jours sur 7. Les ingénieurs de maintenance Leigh Faulkner et Andy Clark tentent désespérément de trouver deux boulons tombés tout au fond d'un moteur de Boeing 777. Alors que Jo Di Biasi tente d'aider une famille chinoise sans argent pour payer un excédent de bagages plutôt conséquent, Aref essaie d'en savoir plus sur des balles de tennis suspectes cachées dans un paquet de matériel électrique et qui pourraient contenir des médicaments. Pendant ce temps, les pompiers stagiaires Yared et Abdulrahman doivent affronter une simulation d'incendie de cargaison pour gagner leurs galons de pompiers d'aéroport.</t>
  </si>
  <si>
    <t>N0016340</t>
  </si>
  <si>
    <t>La minute de vérité : Effondrement à Séoul</t>
  </si>
  <si>
    <t>Superstore Collapse</t>
  </si>
  <si>
    <t>N0016508</t>
  </si>
  <si>
    <t>La minute de vérité : Le tsunami de 2004</t>
  </si>
  <si>
    <t>Asian Tsunami</t>
  </si>
  <si>
    <t>Le tsunami du 26 décembre 2004 est la plus grande catastrophe naturelle de l'ère moderne. Plus de 200.000 personnes périrent. Comment est-il survenu, et comment en éviter d'autres ?</t>
  </si>
  <si>
    <t>N0013907</t>
  </si>
  <si>
    <t>La minute de vérité : Crash d'un jet</t>
  </si>
  <si>
    <t>Comet Air Crash</t>
  </si>
  <si>
    <t>En 1954, un avion reliant Rome à l'Angleterre s'écrase dans la Méditerranée, tuant tous ses passagers. Les autopsies révèlent d'étranges blessures sur de nombreuses victimes.</t>
  </si>
  <si>
    <t>N0016496</t>
  </si>
  <si>
    <t>La minute de vérité : Le vol 191 pour Chicago</t>
  </si>
  <si>
    <t>Chicago Air Crash</t>
  </si>
  <si>
    <t>En 1979 à Chicago, 273 personnes périrent dans l'écrasement d'un avion sur un camp de caravanes. Les règles de l'aviation civiles ont été entièrement revues après ce crash.</t>
  </si>
  <si>
    <t>14/01/2021</t>
  </si>
  <si>
    <t>N0021391</t>
  </si>
  <si>
    <t>The Motion of the Ocean</t>
  </si>
  <si>
    <t>" Science of Stupid " est l'émission qui analyse scientifiquement les vidéos les plus spectaculaires et absurdes jamais enregistrées. Dans cet épisode, Richard Hammond  s'intéresse à des activités potentiellement dangereuses telles que la luge, la démolition de bâtiments et l'usage abusif d'airbags.</t>
  </si>
  <si>
    <t>N0023906</t>
  </si>
  <si>
    <t>Situation critique</t>
  </si>
  <si>
    <t>Danger Decoded</t>
  </si>
  <si>
    <t>Danger Decoded 1, 1</t>
  </si>
  <si>
    <t xml:space="preserve">Dans ce nouvel épisode, retrouvez un groupe de parachutistes dont le saut ne se déroule pas tout à fait comme prévu, des automobilistes pris dans une dangereuse tempête à Taïwan et un festival de montgolfières qui prend une tournure désastreuse. Chaque séquence est mise sur pause à un moment crucial pour tenter de deviner ce qui pourrait bien arriver. La route détrempée de Taiwan est-elle véritablement la source du danger ? Statistiques et résultats générés par ordinateur à l'appui, saurez-vous deviner d'où vient réellement le danger ? </t>
  </si>
  <si>
    <t>N0023907</t>
  </si>
  <si>
    <t>Danger Decoded 1, 2</t>
  </si>
  <si>
    <t>Dans ce nouvel épisode, découvrez un accident d'hélicoptère qui sème le chaos sur le lieu de travail, le sauvetage d'un camion de déneigement qui tourne mal ou encore un ouvrier du bâtiment bloqué sur une corniche d'un immeuble en feu. Comme toujours, ces vidéos de catastrophes sont mises sur pause au moment fatidique. Saurez-vous déceler le véritable danger qui se profile grâce aux statistiques et aux fins possibles proposées par l'ordinateur ?</t>
  </si>
  <si>
    <t>P0778887</t>
  </si>
  <si>
    <t>Air Crash : Terreur au-dessus de l'Egypte</t>
  </si>
  <si>
    <t>Terror Over Egypt</t>
  </si>
  <si>
    <t>20 minutes après avoir quitté la ville balnéaire de Charm el-Cheikh en Égypte, un avion transportant des touristes russes s’écrase. Du vol Metrojet 9268, ne restent plus que des débris carbonisés, éparpillés dans le désert du Sinaï. Une équipe d’enquêteurs internationaux se rend sur les lieux. Dans un premier temps, un groupe terroriste affilié à l’État islamique prétend avoir abattu l’avion suite aux attaques de l’armée russe en Syrie. Une enquête approfondie sera nécessaire pour découvrir la vérité.</t>
  </si>
  <si>
    <t>N0013613</t>
  </si>
  <si>
    <t>Air Crash : L'avion fantôme</t>
  </si>
  <si>
    <t>Ghost Plane</t>
  </si>
  <si>
    <t>6 août 1997. Le vol 801 de la Korean Air quitte Séoul. Il est attendu à l'aéroport Won Guam, à Agana mais à trois miles au sud-ouest de la piste, il s'écrase brusquement.</t>
  </si>
  <si>
    <t>N0016487</t>
  </si>
  <si>
    <t>Megastructures : Palm Island à Dubaï</t>
  </si>
  <si>
    <t>Dubai's Palm Island</t>
  </si>
  <si>
    <t>00:47</t>
  </si>
  <si>
    <t>Un projet colossal est en cours de réalisation dans le Golfe Persique : une île artificielle en forme de palmier qui va changer la forme même de la côte. Suivez la course contre la montre que représente sa construction.</t>
  </si>
  <si>
    <t>N0016482</t>
  </si>
  <si>
    <t>Megastructures : Le viaduc de Millau</t>
  </si>
  <si>
    <t>Millau Bridge</t>
  </si>
  <si>
    <t>Ouvert en décembre 2004, le viaduc de Millau est le pont le plus haut du monde, sa hauteur dépassant d'un bon tiers tout autre pont de la planète. Avec sa route tutoyant les nuages, c'est aussi l'un des plus beaux ouvrages d'art. Le pilier le plus élevé atteint 343 mètres, soit à peine 10% de moins que l'Empire State Building. Pour créer ce qu'on disait irréalisable, l'équipe a dû dépasser les lois de la physique et les forces de la nature.</t>
  </si>
  <si>
    <t>N0019336</t>
  </si>
  <si>
    <t>Car S.O.S. : Un challenge nommé Fiat</t>
  </si>
  <si>
    <t>The Fiat Fiasco</t>
  </si>
  <si>
    <t>Se sentant coupable de l'accident dans lequel son petit ami s'est cassé le dos, Debs demande à Tim et Fuzz de remonter le moral de Jeremy en restaurant sa voiture abimée. L'équipe accepte de réparer la Fiat 850 Spider mais c'est l'une des voitures dont les pièces sont les plus difficiles à trouver au Royaume-Uni. Tim va devoir se rendre en Italie pour trouver le matériel nécessaire à la réparation...</t>
  </si>
  <si>
    <t>N0021936</t>
  </si>
  <si>
    <t>Car S.O.S. : Ford Escort en détresse</t>
  </si>
  <si>
    <t>Escort RS In Distress</t>
  </si>
  <si>
    <t xml:space="preserve">Dans les années 80, la Ford Escort RS 1600 avait la cote auprès des jeunes fous du volant, mais aujourd'hui on n'en trouve plus qu'environ  250 dans toute le Royaume Uni. L'une d'entre elles appartient à un employé des chemins de fer, Adrian, qui l'acheta il y a sept ans avec le projet de la rénover. Malheureusement, la maladie l'a empêché d'effectuer le travail et sa RS s'est retrouvée abandonnée au garage. La femme d'Adrian a appelé les garçons pour remettre la voiture en état de rouler et redonner le sourire à son mari. Cette mission s'avère être l'une des plus difficiles qu'ils vont connaître car redonner à cette Escort son statut de voiture de course en seulement trois semaines semble une tâche impossible. </t>
  </si>
  <si>
    <t>P0947224</t>
  </si>
  <si>
    <t>Science of Stupid : Episode 13</t>
  </si>
  <si>
    <t>Episode 13</t>
  </si>
  <si>
    <t>Dans cet épisode, découvrez les explications scientifiques à l’œuvre derrière les ratés, que vous conduisiez sur la plage, couriez de longues distances ou plongiez en apnée.</t>
  </si>
  <si>
    <t>13:35:00:00</t>
  </si>
  <si>
    <t>P0947832</t>
  </si>
  <si>
    <t>Science of Stupid : Episode 11</t>
  </si>
  <si>
    <t>Episode 11</t>
  </si>
  <si>
    <t>Dans cet épisode, découvrez les explications scientifiques à l’œuvre derrière les ratés ! Au programme : sauts en scooter, installation de toit et voltiges en motoneige.</t>
  </si>
  <si>
    <t>P0948328</t>
  </si>
  <si>
    <t>Science of Stupid : Episode 12</t>
  </si>
  <si>
    <t>Episode 12</t>
  </si>
  <si>
    <t>Dans cet épisode, découvrez les explications scientifiques à l’œuvre derrière les ratés ! Décharger un camion, faire plusieurs choses à la fois et exécuter des saltos arrière à moto sont autant d’activités qui peuvent s’avérer fatales…</t>
  </si>
  <si>
    <t>14:25:00:00</t>
  </si>
  <si>
    <t>P0948415</t>
  </si>
  <si>
    <t>Science of Stupid : Episode 15</t>
  </si>
  <si>
    <t>Episode 15</t>
  </si>
  <si>
    <t>Dans cet épisode, découvrez les explications scientifiques à l’œuvre derrière les ratés ! Au programme : le halage d’un bateau, la construction d’une balançoire sur un arbre et une chute à pieds nus sur des skis nautiques.</t>
  </si>
  <si>
    <t>P0948416</t>
  </si>
  <si>
    <t>Science of Stupid : Episode 8</t>
  </si>
  <si>
    <t>Episode 8</t>
  </si>
  <si>
    <t>Dans cet épisode, découvrez les explications scientifiques à l’œuvre derrière les ratés : surf sur l’herbe, grand écart aérien et kayak au milieu des cascades seront au programme.</t>
  </si>
  <si>
    <t>15:15:00:00</t>
  </si>
  <si>
    <t>P0949374</t>
  </si>
  <si>
    <t>Science of Stupid : Episode 14</t>
  </si>
  <si>
    <t>Episode 14</t>
  </si>
  <si>
    <t>Dans cet épisode, découvrez les explications scientifiques à l’œuvre derrière les ratés ! Au programme : apprentissage du kitesurf, saut périlleux en roller et utilisation d’air comprimé…</t>
  </si>
  <si>
    <t>Science of Stupid : Remise en forme</t>
  </si>
  <si>
    <t>Science of Stupid Compilations</t>
  </si>
  <si>
    <t>Science of Stupid Exercise</t>
  </si>
  <si>
    <t>Dans cet épisode, soyez prêt à muscler vos connaissances scientifiques ! Dallas Campbell revient sur les principes de base de toute routine sportive afin d’éviter les impairs, que ce soit lors de vos tentatives de réaliser la pose de yoga la plus délicate ou de pratiquer le développé-couché. Pas de panique, nous avons tout le matériel qu’il vous faut : à travers des animations sur mesure et des séquences au ralenti, les moindres ressorts scientifiques n’auront plus de secrets pour vous.</t>
  </si>
  <si>
    <t>16:05:00:00</t>
  </si>
  <si>
    <t>Science of Stupid : Sur la route des vacances</t>
  </si>
  <si>
    <t>Science of Stupid Vacation</t>
  </si>
  <si>
    <t>Chacun d’entre nous a sa propre conception des vacances de rêve… Néanmoins, si vous préférez éviter de vous retrouver au pays de la bêtise, n’oubliez pas de tenir compte des principes scientifiques. Dallas Campbell vous a préparé un florilège de vidéos toutes plus drôles les unes que les autres, où s’illustrent des individus inspirés par le surf sur volcan ou peu soucieux des marées océaniques. Apprenez tout en vous amusant !</t>
  </si>
  <si>
    <t>Science of Stupid : Les grandes occasions</t>
  </si>
  <si>
    <t>Science of Stupid Occasions</t>
  </si>
  <si>
    <t>Dans cet épisode, nous reviendrons sur les mésaventures d’individus bien décidés à mettre les petits plats dans les grands lors d’importantes occasions. Pour chaque événement, Dallas Campbell rappelle les bonnes pratiques et les impairs à ne pas commettre. À la lumière d’explications scientifiques, découvrez comment remonter l’allée centrale sans risquer de perdre votre culotte, attraper le bouquet sans piétiner la mariée ou réussir votre première danse sans clouer votre partenaire au sol.</t>
  </si>
  <si>
    <t>16:55:00:00</t>
  </si>
  <si>
    <t>P0948782</t>
  </si>
  <si>
    <t>Science of Stupid : Place au jeu</t>
  </si>
  <si>
    <t>Science of Stupid Play</t>
  </si>
  <si>
    <t>Plus que d’être bon joueur, cet épisode vous enseignera à jouer de manière intelligente. À travers des animations sur mesure et des séquences au ralenti, Dallas Campbell vous emmène au cœur du monde des jeux pour mieux vous expliquer ses principes de base. Après avoir visualisé ces vidéos d’individus mal inspirés, vous saurez que les vélos pour enfants ne sont pas faits pour les adultes, qu’escaliers et bâtons sauteurs ne font pas bon ménage et que les manèges peuvent vous faire voler.</t>
  </si>
  <si>
    <t>P0867678</t>
  </si>
  <si>
    <t>La route de l'enfer : Norvège - Météo extrême</t>
  </si>
  <si>
    <t>Freak Weather</t>
  </si>
  <si>
    <t>Norway</t>
  </si>
  <si>
    <t>Nos héros dépanneurs ont un nouvel ennemi: les conditions météorologiques extrêmes. Les changements soudains de température donnent aux secouristes de la route de l’enfer des défis imprévus.</t>
  </si>
  <si>
    <t>La route de l'enfer : Norvège - Glissement de terrain</t>
  </si>
  <si>
    <t>Landslide Lottery</t>
  </si>
  <si>
    <t>Suite à l’accident sur une rive escarpée d’un camion de 50 tonnes chargé de goudron, Thord s’empresse d’intervenir avant que le sol ne cède et ne provoque un glissement de terrain.</t>
  </si>
  <si>
    <t>N0022493</t>
  </si>
  <si>
    <t>Ultimate Airport Dubai: Episode 12</t>
  </si>
  <si>
    <t>Firefighters</t>
  </si>
  <si>
    <t>Les pompiers déboulent sur la piste pour aider les passagers du 777 qui touche le sol avec un train d'atterrissage fumant. Un homme perd son fils dans le plus grand terminal d'aéroport du monde à quelques minutes de leur embarquement, deux passagers arrivent à la douane avec deux sacs remplis du bois le plus cher qui existe et le personnel des services VIP de l'aéroport se prépare à accueillir le célèbre footballeur Pelé. Pendant ce temps, l'équipe d'ingénieurs de l'aéroport se prépare pour un projet de construction qui mettra en jeu le fonctionnement et la réputation de l'aéroport.</t>
  </si>
  <si>
    <t>N0024849</t>
  </si>
  <si>
    <t>Ultimate Airport Dubai: Episode 27</t>
  </si>
  <si>
    <t>Ultimate Airport Dubai 3 - Eps 7</t>
  </si>
  <si>
    <t>Mel doit prendre en charge une famille énervée qui a raté sa correspondance. De leur côté, Leigh et Andy ont un timing serré pour remplacer les bougies d'allumage d'un moteur GE90. Myles quant à lui se prépare pour un exercice incendie dans un Hall D rempli de fumée pour l'occasion. Pour Leigh, les réparations se multiplient et il s'attaque maintenant à des toilettes de 777 bloquées. Et lorsque les avions ne respectent pas le planning, les choses se corsent pour le personnel. C'est cette fois-ci Gemma qui en fait les frais avec moins de 60 minutes pour décharger un avion plein à craquer de bagages et de marchandises, dont pas moins de 20 tonnes de fleurs pour la Saint Valentin.</t>
  </si>
  <si>
    <t>Inside La Corée du Nord : L'Etat criminel</t>
  </si>
  <si>
    <t>Inside North Korea: The Criminal State</t>
  </si>
  <si>
    <t>Inside North Korea: The Criminal State, 1</t>
  </si>
  <si>
    <t>Digne d’un méchant tout droit sorti d’un James Bond, la Corée du Nord est une dictature agressive qui se tient volontairement en marge de la communauté internationale. Afin de maintenir à flot le pays exsangue, de nombreux actes criminels échappent aux sanctions.</t>
  </si>
  <si>
    <t>Inside La Corée du Nord : La cyber-menace</t>
  </si>
  <si>
    <t>Inside North Korea: The Cyber State</t>
  </si>
  <si>
    <t>Inside North Korea: The Cyber State, 1</t>
  </si>
  <si>
    <t>La Corée du Nord est aujourd’hui capable de conduire des attaques sans envoyer le moindre soldat au sol, et ce en toute impunité. De Sony à WannaCry, l’État nord-coréen n’hésite pas à recourir à la cybercriminalité par l’intermédiaire de son armée de 6 000 hackers disséminée aux quatre coins du monde, par soif de profit et dans le but de semer le chaos.</t>
  </si>
  <si>
    <t>N0015886</t>
  </si>
  <si>
    <t>Inside : Dans la plus grande prison d'Asie</t>
  </si>
  <si>
    <t>Inside: Asia's Largest Jail</t>
  </si>
  <si>
    <t>India</t>
  </si>
  <si>
    <t>Pénétrez derrière les murs de la plus grande prison d'Asie  : Tihar à New Delhi en Inde. A travers les histoires des prisonniers et du personnel, nous allons découvrir les défis, les peurs, les angoisses, les espoirs et les déceptions de ceux qui vivent et de ceux qui travaillent à l'intérieur de la prison. C'est un monde à part, avec d'un côté, des criminels redoutables sujets à de violents conflits, et de l'autre côté, une gamme de services d'éducation et de programmes de méditation conçus pour la réhabilitation des prisonniers. Suivez l'histoire d'Edward Joseph Ellis, un britannique accusé de possession de drogue, qui passe plus de sept ans à se battre contre un procès aux conclusions incertaines. Partagez la vie de mères qui élèvent leurs enfants dans un climat de violence constamment présent. Et Suivez Ashir Kumar, un nouveau détenu, sans casier judiciaire, qui attend de savoir s'il va être relâché ou s'il va passer une partie de sa vie derrière les barreaux de cette prison sous haute sécurité.</t>
  </si>
  <si>
    <t>P0812712</t>
  </si>
  <si>
    <t>Stratégie de dictateurs : Kim Il Sung</t>
  </si>
  <si>
    <t>The Dictators Rulebook</t>
  </si>
  <si>
    <t>Dictators Rulebook: Kim Il Sung</t>
  </si>
  <si>
    <t xml:space="preserve">Nous nous pencherons sur les méthodes employées par Kim Il Sung pour faire de la Corée du Nord le pays le plus contrôlé de la planète. Suite à la prise de pouvoir du dictateur en 1950, son régime s’est évertué à modeler les moindres aspects de la vie de ses citoyens, jusqu’à façonner leur perception de la réalité. Aujourd’hui, son petit-fils Kim Jung Un perpétue la tradition familiale en exerçant un pouvoir absolu et en lavant le cerveau des Coréens du Nord afin de leur faire croire qu’ils vivent au paradis et que les Kim sont des dieux.  </t>
  </si>
  <si>
    <t>15/01/2021</t>
  </si>
  <si>
    <t>N0021392</t>
  </si>
  <si>
    <t>Big Tires, Monster Fails</t>
  </si>
  <si>
    <t>" Science of Stupid " est l'émission qui analyse scientifiquement les vidéos les plus spectaculaires et absurdes jamais enregistrées. Dans cet épisode nous verrons avec l'animateur Richard Hammond qu'on peut se ridiculiser en faisant du snowboard sur l'eau, du karaté, et des cascades en vélo.</t>
  </si>
  <si>
    <t>N0023978</t>
  </si>
  <si>
    <t>Danger Decoded 1, 3</t>
  </si>
  <si>
    <t xml:space="preserve">Un conducteur de motoneige dont les aventures prennent un tour inattendu au Groenland, une cascade à moto qui tourne à la catastrophe devant un public médusé ou encore un accident de la circulation en Ukraine, découvrez toujours plus d'issues inattendues dans ce nouvel épisode. </t>
  </si>
  <si>
    <t>N0023914</t>
  </si>
  <si>
    <t>Danger Decoded 1, 4</t>
  </si>
  <si>
    <t xml:space="preserve">Dans ce nouvel épisode, retrouvez un rallye sous haute tension dans les montagnes du Colorado, un saut en parachute au Mexique qui se transforme en bond vers l'inconnu ou encore une cascade d'hélicoptère qui prend une tournure absolument pas prévue dans le scénario. Comme toujours, ces vidéos sont arrêtées au moment crucial. Saurez-vous déceler les indices présents à l'image et deviner ce qui va réellement se passer ? </t>
  </si>
  <si>
    <t>P0779017</t>
  </si>
  <si>
    <t>Air Crash : En pleine tempete</t>
  </si>
  <si>
    <t>Storming Out</t>
  </si>
  <si>
    <t>Alors qu’il entame son approche vers l’aéroport américain de Charlotte, en Caroline du Nord, le vol 1016 d’US Airways se retrouve pris dans une pluie si dense qu’elle empêche toute visibilité. Les pilotes décident d’annuler leur atterrissage et de faire demi-tour, mais l’avion décroche et s’écrase. Sur les 52 passagers, 37 sont tués. Parmi les survivants, les pilotes affirment que le crash est dû aux conditions météorologiques. Les enquêteurs découvrent cependant que la vérité n’est pas aussi simple.</t>
  </si>
  <si>
    <t>P0752840</t>
  </si>
  <si>
    <t>Air Crash : Attitude mortelle</t>
  </si>
  <si>
    <t>Killer Attitude</t>
  </si>
  <si>
    <t xml:space="preserve">Après un vol de routine d'une heure en partance de Minneapolis, le vol Northwest Airlink 5719 se crashe dans le nord du Minnesota, tuant tout le monde à bord. Les enquêteurs subissent des pressions énormes pour déterminer la cause du drame. L'enregistreur de voix du cockpit soulève des questions troublantes au sujet d'un pilote inexpérimenté. Mais au fur et à mesure que les enquêteurs creusent davantage, ils découvrent un schéma abusif qui a donné lieu à un manque de coopération des membres d'équipage. 
</t>
  </si>
  <si>
    <t>N0016780</t>
  </si>
  <si>
    <t>Megastructures : Burj Khalifa</t>
  </si>
  <si>
    <t>World's Tallest Skyscraper</t>
  </si>
  <si>
    <t>A plus de 800m de hauteur, la Burj Khalifa à Dubaï, est la plus haute tour au monde. Tom Cruise l'escalade dans Mission Impossible 4, mais ce n'est rien comparé à l'effort de ses constructeurs, qui ont mis 7 ans à la terminer. Découvrez l'histoire de la construction la plus éprouvante de tous les temps qui a repoussé les limites de l'ingénierie architecturale.</t>
  </si>
  <si>
    <t>N0022417</t>
  </si>
  <si>
    <t>Megastructures : L'Airbus A380</t>
  </si>
  <si>
    <t>Airbus A380</t>
  </si>
  <si>
    <t>00:46</t>
  </si>
  <si>
    <t>24 mètres de haut, 73 mètres de long, 80 mètres d'envergure : l'A 380 est le plus gros avion commercial jamais construit. Sa conception est européenne, sa production internationale et sa clientèle mondiale. National Geographic s'est assuré l'exclusivité de la couverture du premier vol commercial entre Londres et Singapour qui embarquera 550 passagers à l'été 2006. Avant de partager cette grande première, visite guidée d'une incroyable machine volante.</t>
  </si>
  <si>
    <t>N0019337</t>
  </si>
  <si>
    <t>Car S.O.S. : Chacun son Anglia</t>
  </si>
  <si>
    <t>Anglia Angels</t>
  </si>
  <si>
    <t xml:space="preserve">Chez les Hutchins-Clark, chaque membre de la famille roule en Ford Anglia. Tous sauf James car la sienne a des pièces manquantes et n'est plus en état de fonctionner. Tim et Fuzz vont essayer de réparer sa voiture et le résultat est un peu trop au goût de Fuzz, la rendre à son propriétaire va être douloureux pour le mécanicien... </t>
  </si>
  <si>
    <t>N0021937</t>
  </si>
  <si>
    <t>Car S.O.S. : Le challenge du Combi</t>
  </si>
  <si>
    <t>Campervan Challenge</t>
  </si>
  <si>
    <t xml:space="preserve">L'équipe de Car S.O.S. se rend à Hartlepool dans le nord de l'Angleterre pour restaurer un classique Combi Volkswagen. Son propriétaire et passionné de voitures de collection, Brian, possède ce van depuis plus de 40 ans. Il fait presque partie de la famille. Après avoir souffert d'une importante attaque cérébrale, Brian n'est plus capable de maintenir en état son combi adoré et l'a donc laissé à l'abandon. Les garçons espèrent que la surprise de retrouver son van a l'état neuf redonnera à Brian le sourire, mais d'abord ils doivent parvenir à la lui prendre.  </t>
  </si>
  <si>
    <t>P0879657</t>
  </si>
  <si>
    <t>Les cités perdues d'Albert Lin : Machu Picchu, la cité des Incas</t>
  </si>
  <si>
    <t>Lost Cities With Albert Lin</t>
  </si>
  <si>
    <t>Inca Island In The Sky</t>
  </si>
  <si>
    <t>L’explorateur National Geographic Albert Lin gravit les montagnes du Pérou afin de retracer les origines de son site le plus légendaire : le Machu Picchu. À l’aide de la technologie du lidar, Albert remonte sur les traces des peuples antérieurs aux Incas et s’aventure au cœur des montagnes, à la recherche de leurs foyers et de leurs sites cérémoniels. Les indices qu’il recueille nous révèlent que la cité inca pourrait s’être inspirée d’une autre civilisation, encore plus ancienne.</t>
  </si>
  <si>
    <t>P0859202</t>
  </si>
  <si>
    <t>Les trésors perdus des Mayas : Les secrets du dieu Soleil</t>
  </si>
  <si>
    <t>Lost Treasures of The Maya</t>
  </si>
  <si>
    <t>Secrets of The Sun God</t>
  </si>
  <si>
    <t>La nouvelle carte au trésor mène Albert jusqu’à une nouvelle pyramide inconnue de tous, cachée au cœur de la jungle luxuriante, dans la plus célèbre cité maya de l’Antiquité. En parallèle, des plongeurs partent à la recherche de l’entrée secrète d’une grotte légendaire submergée par les eaux sous la pyramide maya la plus renommée du Mexique. Des archéologues découvrent une coupe royale cérémonielle menant sur les traces du tombeau d’un roi disparu.</t>
  </si>
  <si>
    <t>P0859203</t>
  </si>
  <si>
    <t>Les trésors perdus des Mayas : Les secrets du monde inférieur</t>
  </si>
  <si>
    <t>Secrets of The Underworld</t>
  </si>
  <si>
    <t>La nouvelle carte au trésor met au jour un mystérieux complexe pyramidal disparu où gisent des traces étonnantes de sacrifices violents. Pour la première fois depuis un millénaire, nous explorons des grottes récemment découvertes au fin fond de la jungle, qui dévoilent l’existence d’un ancien rituel maya. Enfin, Albert Lin part pour une mission périlleuse au Mexique, dans les entrailles des enfers mayas.</t>
  </si>
  <si>
    <t>P0859201</t>
  </si>
  <si>
    <t>Les trésors perdus des Mayas : Un autel mystérieux</t>
  </si>
  <si>
    <t>Secrets of The Snake Alter</t>
  </si>
  <si>
    <t>La nouvelle carte au trésor nous emmène sur les traces d’une forteresse disparue révélant une civilisation en guerre. Enfoui pendant 1 500 ans sous un temple en ruines, un autel sacré est exhumé et, avec lui, les secrets de la révolte du légendaire roi serpent. Enfin, Albert Lin se rend dans la jungle la plus reculée du monde maya, où il découvre les stigmates d’une guerre méconnue grâce à une technologie laser de pointe.</t>
  </si>
  <si>
    <t>P0859150</t>
  </si>
  <si>
    <t>Les trésors perdus des Mayas : Les mystères de la cité disparue</t>
  </si>
  <si>
    <t>Secrets of The Lost City</t>
  </si>
  <si>
    <t>La nouvelle carte au trésor mène Albert sur les lieux des pyramides disparues de l’ancienne cité d’El Palmar. Au sein du monde maya, les archéologues mettent au jour des trésors enfouis sous le site d’un jeu de balle maya qui dépeignent une civilisation d’une extrême sophistication, d’un immense palais privé à une lame de couteau noire obsidienne tranchante.</t>
  </si>
  <si>
    <t>P0867680</t>
  </si>
  <si>
    <t>La route de l'enfer : Norvège - Tombe la neige</t>
  </si>
  <si>
    <t>Let It Snow</t>
  </si>
  <si>
    <t>Après une période de températures clémentes et une baisse d’activité, Thord pousse un soupir de soulagement lorsqu'il commence à neiger. Dans la tempête de neige, un transporteur de 20 tonnes glisse hors de la route et une voiture tombe dans un fossé. Thord décide de les sauver tous les deux. Il a besoin de travailler pour maintenir son activité.</t>
  </si>
  <si>
    <t>La route de l'enfer : Norvège - Bataille de glace</t>
  </si>
  <si>
    <t>Black Ice Battle</t>
  </si>
  <si>
    <t>Dans cet épisode, Thord prête assistance à un camion bloqué qui barre un axe majeur. Alors que son conducteur refuse de payer le dépannage, il menace de l’assigner à résidence.</t>
  </si>
  <si>
    <t>N0022494</t>
  </si>
  <si>
    <t>Ultimate Airport Dubai: Episode 13</t>
  </si>
  <si>
    <t>Customs Officers</t>
  </si>
  <si>
    <t>Un nouveau parking a été créé pour accueillir une flotte de Boeings 777 durant la réfection de 80 jours des pistes. Problème, il y a une pente importante à l'entrée. Les compétences de Mark Dearden sont donc mises à rude épreuve pour savoir s'il est possible de remorquer un avion de 300 tonnes sur cette pente sans en perdre le contrôle. Les douaniers découvrent de gros paquets au fond du sac d'un passager. Si le test est positif à l'héroïne, il s'agira de la plus grosse saisie de drogue effectuée à l'aéroport en 10 ans. Andy Tetley, l'agent d'entretien des avions de ligne est appelé pour réparer un problème d'air conditionné. Il n'a que quelques heures pour trouver la panne et faire baisser la température élevée avant le prochain vol de l'appareil.</t>
  </si>
  <si>
    <t>N0024850</t>
  </si>
  <si>
    <t>Ultimate Airport Dubai: Episode 28</t>
  </si>
  <si>
    <t>Ultimate Airport Dubai 3 - Eps 8</t>
  </si>
  <si>
    <t>L'aéroport est sans dessus dessous. Mel a été prévenue de la présence d'un possible malade d'Ebola au Terminal 3. Cette situation d'urgence implique d'alerter toutes les autorités de l'aéroport et de limiter les contacts entre l'homme et les autres passagers jusqu'à ce que le diagnostic soit confirmé ou infirmé par un médecin. De son côté, Leigh doit trouver la source d'une étrange odeur d'essence dans la cabine d'un Boeing-777-300.  Son principal suspect est le générateur auxiliaire! Du côté du Hall D, Myles doit faire en sorte que l'embarquement suive son cours alors que les douanes enquêtent sur une cargaison de disjoncteurs contrefaits destinés à être vendus dans les rues de Dubaï. Ian va-t-il s'en sortir avec l'autocollant géant qu'il doit coller sur le fuselage d'un A380 ?</t>
  </si>
  <si>
    <t>Car S.O.S. : Métamorphoses radicales</t>
  </si>
  <si>
    <t>Ultimate Transformation</t>
  </si>
  <si>
    <t>Car S.O.S. : Pires cauchemars</t>
  </si>
  <si>
    <t>Ultimate Nightmares</t>
  </si>
  <si>
    <t>Dans cet épisode best of de Car S.O.S., Tim et Fuzz reviennent sur quelques-uns de leurs plus grands défis et mauvaises surprises de ces huit dernières années. Retrouvez les voitures qui ont passé le seuil de l’atelier a priori en bon état et se sont révélées être le pire cauchemar de nos mécaniciens : la Porsche 911, la Triumph TR4, la BMW 2002 Turbo et la Mercedes Pagoda.</t>
  </si>
  <si>
    <t>P0848584</t>
  </si>
  <si>
    <t>Episode 2: Pan-Regional</t>
  </si>
  <si>
    <t>Pour les sept ans de Car S.O.S., Tim et Fuzz mènent une course contre la montre. Leur objectif : restaurer une Land Rover de 1959 en seulement sept jours. La voiture sera-t-elle à la hauteur des attentes de l’octogénaire Brian, après avoir été laissée à l’abandon suite au diagnostic de son cancer de l’intestin ? Le musicien légendaire et fou de mécanique Rick Wakeman fait un saut pour monter à bord de la voiture de ses rêves et assiste à une révélation en direct.</t>
  </si>
  <si>
    <t>P0757385</t>
  </si>
  <si>
    <t>Car S.O.S. : Aston Martin DB6</t>
  </si>
  <si>
    <t>Aston Martin DB6</t>
  </si>
  <si>
    <t xml:space="preserve">Steve, un travailleur du pétrole possède son Aston Martin DB6 depuis plus de vingt ans. Après l'avoir acheté à un prix défiant toute concurrence, sa voiture a fait toute sa fierté. Mais lorsqu'elle est tombée en panne, ses tentatives pour la réparer ont échoué. Depuis, une grave chute et des problèmes de santé chroniques ont laissé des séquelles et il lui est désormais impossible de restaurer sa belle anglaise. Tandis que Fuzz lutte avec un moteur qui n'a pas tourné depuis 20 ans, Tim fait de son mieux pour récupérer des pièces de l'Aston, qui ont la réputation d'être très onéreuses. 
</t>
  </si>
  <si>
    <t>P0753008</t>
  </si>
  <si>
    <t>Car S.O.S. : Jaguar Mk2</t>
  </si>
  <si>
    <t>Jaguar Mk. 2</t>
  </si>
  <si>
    <t xml:space="preserve">La Jaguar Mk2 de Tony est dans sa famille depuis plus de 40 ans. Suite à des complications liées à une opération de l'estomac, il n'a pas pu la restaurer lui-même et sa voiture dort dans le garage depuis deux décennies. Tandis que Fuzz bataille pour la faire démarrer, Tim doit se salir les mains : une course contre la montre débute pour terminer cette icône britannique à temps. 
</t>
  </si>
  <si>
    <t>Quatre kilos de cocaïne, deux avions de contrebandes et un faux enlèvement ? Quand on travaille comme douanier à l'aéroport JFK, il faut s'attendre à tout. Et dans ce nouvel épisode, le défi est de taille…</t>
  </si>
  <si>
    <t>Dans cet épisode best of de Car S.O.S., Tim et Fuzz reviennent sur les voitures qu’ils ont préféré restaurer et sur les plus grands0 relooking automobiles de ces sept dernières saisons. Retrouvez ces voitures tout droit destinées à la casse et transformées en chefs-d’œuvre sur roues : la Ford Capri RS3100, la Ferrari Dino, la MGA Roadster et l’Audi UR Quattro.</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3">
    <fill>
      <patternFill patternType="none"/>
    </fill>
    <fill>
      <patternFill patternType="gray125"/>
    </fill>
    <fill>
      <patternFill patternType="solid">
        <fgColor rgb="FFFFFF00"/>
        <bgColor indexed="64"/>
      </patternFill>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9">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4" fillId="2" borderId="1" xfId="0" applyNumberFormat="1" applyFont="1" applyFill="1" applyBorder="1" applyAlignment="1">
      <alignment vertical="top" wrapText="1" readingOrder="1"/>
    </xf>
    <xf numFmtId="0" fontId="1" fillId="2" borderId="0" xfId="0" applyFont="1" applyFill="1" applyBorder="1"/>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25"/>
  <sheetViews>
    <sheetView showGridLines="0" tabSelected="1" topLeftCell="B131" workbookViewId="0">
      <selection activeCell="D145" sqref="D145"/>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6" t="s">
        <v>0</v>
      </c>
      <c r="B1" s="7"/>
      <c r="C1" s="7"/>
      <c r="D1" s="7"/>
      <c r="E1" s="7"/>
      <c r="F1" s="7"/>
      <c r="G1" s="7"/>
      <c r="H1" s="7"/>
      <c r="I1" s="7"/>
      <c r="J1" s="7"/>
      <c r="K1" s="7"/>
      <c r="L1" s="8"/>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t="s">
        <v>15</v>
      </c>
      <c r="D3" s="2" t="s">
        <v>16</v>
      </c>
      <c r="E3" s="2" t="s">
        <v>16</v>
      </c>
      <c r="F3" s="2" t="s">
        <v>17</v>
      </c>
      <c r="G3" s="3">
        <v>2</v>
      </c>
      <c r="H3" s="2" t="s">
        <v>18</v>
      </c>
      <c r="I3" s="3">
        <v>2013</v>
      </c>
      <c r="J3" s="2" t="s">
        <v>19</v>
      </c>
      <c r="K3" s="2"/>
      <c r="L3" s="2" t="s">
        <v>20</v>
      </c>
    </row>
    <row r="4" spans="1:12" ht="15.2" customHeight="1">
      <c r="A4" s="2" t="s">
        <v>13</v>
      </c>
      <c r="B4" s="2" t="s">
        <v>21</v>
      </c>
      <c r="C4" s="2" t="s">
        <v>22</v>
      </c>
      <c r="D4" s="2" t="s">
        <v>23</v>
      </c>
      <c r="E4" s="2" t="s">
        <v>24</v>
      </c>
      <c r="F4" s="2" t="s">
        <v>25</v>
      </c>
      <c r="G4" s="3">
        <v>1</v>
      </c>
      <c r="H4" s="2" t="s">
        <v>26</v>
      </c>
      <c r="I4" s="3">
        <v>2014</v>
      </c>
      <c r="J4" s="2" t="s">
        <v>19</v>
      </c>
      <c r="K4" s="2"/>
      <c r="L4" s="2" t="s">
        <v>27</v>
      </c>
    </row>
    <row r="5" spans="1:12" ht="15.2" customHeight="1">
      <c r="A5" s="2" t="s">
        <v>13</v>
      </c>
      <c r="B5" s="2" t="s">
        <v>28</v>
      </c>
      <c r="C5" s="2" t="s">
        <v>29</v>
      </c>
      <c r="D5" s="2" t="s">
        <v>30</v>
      </c>
      <c r="E5" s="2" t="s">
        <v>24</v>
      </c>
      <c r="F5" s="2" t="s">
        <v>31</v>
      </c>
      <c r="G5" s="3">
        <v>2</v>
      </c>
      <c r="H5" s="2" t="s">
        <v>26</v>
      </c>
      <c r="I5" s="3">
        <v>2014</v>
      </c>
      <c r="J5" s="2" t="s">
        <v>19</v>
      </c>
      <c r="K5" s="2"/>
      <c r="L5" s="2" t="s">
        <v>32</v>
      </c>
    </row>
    <row r="6" spans="1:12" ht="15.2" customHeight="1">
      <c r="A6" s="2" t="s">
        <v>13</v>
      </c>
      <c r="B6" s="2" t="s">
        <v>33</v>
      </c>
      <c r="C6" s="2"/>
      <c r="D6" s="2" t="s">
        <v>34</v>
      </c>
      <c r="E6" s="2" t="s">
        <v>35</v>
      </c>
      <c r="F6" s="2" t="s">
        <v>36</v>
      </c>
      <c r="G6" s="3">
        <v>1</v>
      </c>
      <c r="H6" s="2" t="s">
        <v>37</v>
      </c>
      <c r="I6" s="3">
        <v>2019</v>
      </c>
      <c r="J6" s="2" t="s">
        <v>38</v>
      </c>
      <c r="K6" s="2"/>
      <c r="L6" s="2" t="s">
        <v>39</v>
      </c>
    </row>
    <row r="7" spans="1:12" ht="15.2" customHeight="1">
      <c r="A7" s="2" t="s">
        <v>13</v>
      </c>
      <c r="B7" s="2" t="s">
        <v>40</v>
      </c>
      <c r="C7" s="2"/>
      <c r="D7" s="2" t="s">
        <v>41</v>
      </c>
      <c r="E7" s="2" t="s">
        <v>35</v>
      </c>
      <c r="F7" s="2" t="s">
        <v>42</v>
      </c>
      <c r="G7" s="3">
        <v>2</v>
      </c>
      <c r="H7" s="2" t="s">
        <v>37</v>
      </c>
      <c r="I7" s="3">
        <v>2019</v>
      </c>
      <c r="J7" s="2" t="s">
        <v>38</v>
      </c>
      <c r="K7" s="2"/>
      <c r="L7" s="2" t="s">
        <v>43</v>
      </c>
    </row>
    <row r="8" spans="1:12" ht="15.2" customHeight="1">
      <c r="A8" s="2" t="s">
        <v>13</v>
      </c>
      <c r="B8" s="2" t="s">
        <v>44</v>
      </c>
      <c r="C8" s="2" t="s">
        <v>45</v>
      </c>
      <c r="D8" s="2" t="s">
        <v>46</v>
      </c>
      <c r="E8" s="2" t="s">
        <v>47</v>
      </c>
      <c r="F8" s="2" t="s">
        <v>48</v>
      </c>
      <c r="G8" s="3">
        <v>1</v>
      </c>
      <c r="H8" s="2" t="s">
        <v>37</v>
      </c>
      <c r="I8" s="3">
        <v>2019</v>
      </c>
      <c r="J8" s="2" t="s">
        <v>19</v>
      </c>
      <c r="K8" s="2"/>
      <c r="L8" s="2" t="s">
        <v>49</v>
      </c>
    </row>
    <row r="9" spans="1:12" ht="15.2" customHeight="1">
      <c r="A9" s="2" t="s">
        <v>13</v>
      </c>
      <c r="B9" s="2" t="s">
        <v>50</v>
      </c>
      <c r="C9" s="2" t="s">
        <v>51</v>
      </c>
      <c r="D9" s="2" t="s">
        <v>52</v>
      </c>
      <c r="E9" s="2" t="s">
        <v>53</v>
      </c>
      <c r="F9" s="2" t="s">
        <v>54</v>
      </c>
      <c r="G9" s="3">
        <v>5</v>
      </c>
      <c r="H9" s="2" t="s">
        <v>55</v>
      </c>
      <c r="I9" s="3">
        <v>2011</v>
      </c>
      <c r="J9" s="2" t="s">
        <v>19</v>
      </c>
      <c r="K9" s="2"/>
      <c r="L9" s="2" t="s">
        <v>56</v>
      </c>
    </row>
    <row r="10" spans="1:12" ht="15.2" customHeight="1">
      <c r="A10" s="2" t="s">
        <v>13</v>
      </c>
      <c r="B10" s="2" t="s">
        <v>57</v>
      </c>
      <c r="C10" s="2" t="s">
        <v>58</v>
      </c>
      <c r="D10" s="2" t="s">
        <v>59</v>
      </c>
      <c r="E10" s="2" t="s">
        <v>53</v>
      </c>
      <c r="F10" s="2" t="s">
        <v>60</v>
      </c>
      <c r="G10" s="3">
        <v>1</v>
      </c>
      <c r="H10" s="2" t="s">
        <v>55</v>
      </c>
      <c r="I10" s="3">
        <v>2006</v>
      </c>
      <c r="J10" s="2" t="s">
        <v>19</v>
      </c>
      <c r="K10" s="2"/>
      <c r="L10" s="2" t="s">
        <v>61</v>
      </c>
    </row>
    <row r="11" spans="1:12" ht="15.2" customHeight="1">
      <c r="A11" s="2" t="s">
        <v>13</v>
      </c>
      <c r="B11" s="2" t="s">
        <v>62</v>
      </c>
      <c r="C11" s="2" t="s">
        <v>63</v>
      </c>
      <c r="D11" s="2" t="s">
        <v>64</v>
      </c>
      <c r="E11" s="2" t="s">
        <v>53</v>
      </c>
      <c r="F11" s="2" t="s">
        <v>65</v>
      </c>
      <c r="G11" s="3">
        <v>2</v>
      </c>
      <c r="H11" s="2" t="s">
        <v>55</v>
      </c>
      <c r="I11" s="3">
        <v>2006</v>
      </c>
      <c r="J11" s="2" t="s">
        <v>19</v>
      </c>
      <c r="K11" s="2"/>
      <c r="L11" s="2" t="s">
        <v>66</v>
      </c>
    </row>
    <row r="12" spans="1:12" ht="15.2" customHeight="1">
      <c r="A12" s="2" t="s">
        <v>13</v>
      </c>
      <c r="B12" s="2" t="s">
        <v>67</v>
      </c>
      <c r="C12" s="2" t="s">
        <v>68</v>
      </c>
      <c r="D12" s="2" t="s">
        <v>69</v>
      </c>
      <c r="E12" s="2" t="s">
        <v>53</v>
      </c>
      <c r="F12" s="2" t="s">
        <v>70</v>
      </c>
      <c r="G12" s="3">
        <v>4</v>
      </c>
      <c r="H12" s="2" t="s">
        <v>55</v>
      </c>
      <c r="I12" s="3">
        <v>2006</v>
      </c>
      <c r="J12" s="2" t="s">
        <v>19</v>
      </c>
      <c r="K12" s="2"/>
      <c r="L12" s="2" t="s">
        <v>71</v>
      </c>
    </row>
    <row r="13" spans="1:12" ht="15.2" customHeight="1">
      <c r="A13" s="2" t="s">
        <v>13</v>
      </c>
      <c r="B13" s="2" t="s">
        <v>72</v>
      </c>
      <c r="C13" s="2" t="s">
        <v>73</v>
      </c>
      <c r="D13" s="2" t="s">
        <v>74</v>
      </c>
      <c r="E13" s="2" t="s">
        <v>75</v>
      </c>
      <c r="F13" s="2" t="s">
        <v>76</v>
      </c>
      <c r="G13" s="3">
        <v>2</v>
      </c>
      <c r="H13" s="2" t="s">
        <v>55</v>
      </c>
      <c r="I13" s="3">
        <v>2012</v>
      </c>
      <c r="J13" s="2" t="s">
        <v>38</v>
      </c>
      <c r="K13" s="2"/>
      <c r="L13" s="2" t="s">
        <v>77</v>
      </c>
    </row>
    <row r="14" spans="1:12" ht="15.2" customHeight="1">
      <c r="A14" s="2" t="s">
        <v>13</v>
      </c>
      <c r="B14" s="2" t="s">
        <v>78</v>
      </c>
      <c r="C14" s="2" t="s">
        <v>79</v>
      </c>
      <c r="D14" s="2" t="s">
        <v>80</v>
      </c>
      <c r="E14" s="2" t="s">
        <v>75</v>
      </c>
      <c r="F14" s="2" t="s">
        <v>81</v>
      </c>
      <c r="G14" s="3">
        <v>3</v>
      </c>
      <c r="H14" s="2" t="s">
        <v>55</v>
      </c>
      <c r="I14" s="3">
        <v>2012</v>
      </c>
      <c r="J14" s="2" t="s">
        <v>38</v>
      </c>
      <c r="K14" s="2"/>
      <c r="L14" s="2" t="s">
        <v>82</v>
      </c>
    </row>
    <row r="15" spans="1:12" ht="15.2" customHeight="1">
      <c r="A15" s="2" t="s">
        <v>13</v>
      </c>
      <c r="B15" s="2" t="s">
        <v>83</v>
      </c>
      <c r="C15" s="2" t="s">
        <v>84</v>
      </c>
      <c r="D15" s="2" t="s">
        <v>85</v>
      </c>
      <c r="E15" s="2" t="s">
        <v>75</v>
      </c>
      <c r="F15" s="2" t="s">
        <v>86</v>
      </c>
      <c r="G15" s="3">
        <v>4</v>
      </c>
      <c r="H15" s="2" t="s">
        <v>55</v>
      </c>
      <c r="I15" s="3">
        <v>2012</v>
      </c>
      <c r="J15" s="2" t="s">
        <v>38</v>
      </c>
      <c r="K15" s="2"/>
      <c r="L15" s="2" t="s">
        <v>87</v>
      </c>
    </row>
    <row r="16" spans="1:12" ht="15.2" customHeight="1">
      <c r="A16" s="2" t="s">
        <v>13</v>
      </c>
      <c r="B16" s="2" t="s">
        <v>88</v>
      </c>
      <c r="C16" s="2"/>
      <c r="D16" s="2" t="s">
        <v>89</v>
      </c>
      <c r="E16" s="2" t="s">
        <v>90</v>
      </c>
      <c r="F16" s="2" t="s">
        <v>91</v>
      </c>
      <c r="G16" s="3">
        <v>4</v>
      </c>
      <c r="H16" s="2" t="s">
        <v>55</v>
      </c>
      <c r="I16" s="3">
        <v>2019</v>
      </c>
      <c r="J16" s="2" t="s">
        <v>92</v>
      </c>
      <c r="K16" s="2"/>
      <c r="L16" s="2" t="s">
        <v>93</v>
      </c>
    </row>
    <row r="17" spans="1:12" ht="15.2" customHeight="1">
      <c r="A17" s="2" t="s">
        <v>13</v>
      </c>
      <c r="B17" s="2" t="s">
        <v>94</v>
      </c>
      <c r="C17" s="2" t="s">
        <v>95</v>
      </c>
      <c r="D17" s="2" t="s">
        <v>96</v>
      </c>
      <c r="E17" s="2" t="s">
        <v>97</v>
      </c>
      <c r="F17" s="2" t="s">
        <v>98</v>
      </c>
      <c r="G17" s="3">
        <v>3</v>
      </c>
      <c r="H17" s="2" t="s">
        <v>55</v>
      </c>
      <c r="I17" s="3">
        <v>2011</v>
      </c>
      <c r="J17" s="2" t="s">
        <v>38</v>
      </c>
      <c r="K17" s="2"/>
      <c r="L17" s="2" t="s">
        <v>99</v>
      </c>
    </row>
    <row r="18" spans="1:12" ht="15.2" customHeight="1">
      <c r="A18" s="2" t="s">
        <v>13</v>
      </c>
      <c r="B18" s="2" t="s">
        <v>100</v>
      </c>
      <c r="C18" s="2" t="s">
        <v>101</v>
      </c>
      <c r="D18" s="2" t="s">
        <v>102</v>
      </c>
      <c r="E18" s="2" t="s">
        <v>97</v>
      </c>
      <c r="F18" s="2" t="s">
        <v>103</v>
      </c>
      <c r="G18" s="3">
        <v>4</v>
      </c>
      <c r="H18" s="2" t="s">
        <v>55</v>
      </c>
      <c r="I18" s="3">
        <v>2011</v>
      </c>
      <c r="J18" s="2" t="s">
        <v>38</v>
      </c>
      <c r="K18" s="2"/>
      <c r="L18" s="2" t="s">
        <v>104</v>
      </c>
    </row>
    <row r="19" spans="1:12" ht="15.2" customHeight="1">
      <c r="A19" s="2" t="s">
        <v>13</v>
      </c>
      <c r="B19" s="2" t="s">
        <v>105</v>
      </c>
      <c r="C19" s="2" t="s">
        <v>106</v>
      </c>
      <c r="D19" s="2" t="s">
        <v>107</v>
      </c>
      <c r="E19" s="2" t="s">
        <v>108</v>
      </c>
      <c r="F19" s="2" t="s">
        <v>109</v>
      </c>
      <c r="G19" s="3">
        <v>1</v>
      </c>
      <c r="H19" s="2" t="s">
        <v>55</v>
      </c>
      <c r="I19" s="3">
        <v>2017</v>
      </c>
      <c r="J19" s="2" t="s">
        <v>38</v>
      </c>
      <c r="K19" s="2"/>
      <c r="L19" s="2" t="s">
        <v>110</v>
      </c>
    </row>
    <row r="20" spans="1:12" ht="15.2" customHeight="1">
      <c r="A20" s="2" t="s">
        <v>13</v>
      </c>
      <c r="B20" s="2" t="s">
        <v>111</v>
      </c>
      <c r="C20" s="2" t="s">
        <v>112</v>
      </c>
      <c r="D20" s="2" t="s">
        <v>113</v>
      </c>
      <c r="E20" s="2" t="s">
        <v>108</v>
      </c>
      <c r="F20" s="2" t="s">
        <v>114</v>
      </c>
      <c r="G20" s="3">
        <v>2</v>
      </c>
      <c r="H20" s="2" t="s">
        <v>55</v>
      </c>
      <c r="I20" s="3">
        <v>2017</v>
      </c>
      <c r="J20" s="2" t="s">
        <v>38</v>
      </c>
      <c r="K20" s="2"/>
      <c r="L20" s="2" t="s">
        <v>115</v>
      </c>
    </row>
    <row r="21" spans="1:12" ht="15.2" customHeight="1">
      <c r="A21" s="2" t="s">
        <v>13</v>
      </c>
      <c r="B21" s="2" t="s">
        <v>116</v>
      </c>
      <c r="C21" s="2" t="s">
        <v>117</v>
      </c>
      <c r="D21" s="2" t="s">
        <v>118</v>
      </c>
      <c r="E21" s="2" t="s">
        <v>119</v>
      </c>
      <c r="F21" s="2" t="s">
        <v>120</v>
      </c>
      <c r="G21" s="3">
        <v>9</v>
      </c>
      <c r="H21" s="2" t="s">
        <v>37</v>
      </c>
      <c r="I21" s="3">
        <v>2020</v>
      </c>
      <c r="J21" s="2" t="s">
        <v>121</v>
      </c>
      <c r="K21" s="2"/>
      <c r="L21" s="2" t="s">
        <v>122</v>
      </c>
    </row>
    <row r="22" spans="1:12" ht="15.2" customHeight="1">
      <c r="A22" s="2" t="s">
        <v>13</v>
      </c>
      <c r="B22" s="2" t="s">
        <v>123</v>
      </c>
      <c r="C22" s="2" t="s">
        <v>124</v>
      </c>
      <c r="D22" s="2" t="s">
        <v>125</v>
      </c>
      <c r="E22" s="2" t="s">
        <v>119</v>
      </c>
      <c r="F22" s="2" t="s">
        <v>126</v>
      </c>
      <c r="G22" s="3">
        <v>2</v>
      </c>
      <c r="H22" s="2" t="s">
        <v>37</v>
      </c>
      <c r="I22" s="3">
        <v>2020</v>
      </c>
      <c r="J22" s="2" t="s">
        <v>121</v>
      </c>
      <c r="K22" s="2"/>
      <c r="L22" s="2" t="s">
        <v>127</v>
      </c>
    </row>
    <row r="23" spans="1:12" ht="15.2" customHeight="1">
      <c r="A23" s="2" t="s">
        <v>13</v>
      </c>
      <c r="B23" s="2" t="s">
        <v>128</v>
      </c>
      <c r="C23" s="2" t="s">
        <v>129</v>
      </c>
      <c r="D23" s="2" t="s">
        <v>130</v>
      </c>
      <c r="E23" s="2" t="s">
        <v>119</v>
      </c>
      <c r="F23" s="2" t="s">
        <v>131</v>
      </c>
      <c r="G23" s="3">
        <v>1</v>
      </c>
      <c r="H23" s="2" t="s">
        <v>37</v>
      </c>
      <c r="I23" s="3">
        <v>2019</v>
      </c>
      <c r="J23" s="2" t="s">
        <v>121</v>
      </c>
      <c r="K23" s="2"/>
      <c r="L23" s="2" t="s">
        <v>132</v>
      </c>
    </row>
    <row r="24" spans="1:12" ht="15.2" customHeight="1">
      <c r="A24" s="2" t="s">
        <v>13</v>
      </c>
      <c r="B24" s="2" t="s">
        <v>133</v>
      </c>
      <c r="C24" s="2" t="s">
        <v>134</v>
      </c>
      <c r="D24" s="2" t="s">
        <v>135</v>
      </c>
      <c r="E24" s="2" t="s">
        <v>136</v>
      </c>
      <c r="F24" s="2" t="s">
        <v>137</v>
      </c>
      <c r="G24" s="3">
        <v>8</v>
      </c>
      <c r="H24" s="2" t="s">
        <v>55</v>
      </c>
      <c r="I24" s="3">
        <v>2009</v>
      </c>
      <c r="J24" s="2" t="s">
        <v>121</v>
      </c>
      <c r="K24" s="2"/>
      <c r="L24" s="2" t="s">
        <v>138</v>
      </c>
    </row>
    <row r="25" spans="1:12" ht="15.2" customHeight="1">
      <c r="A25" s="2" t="s">
        <v>13</v>
      </c>
      <c r="B25" s="2" t="s">
        <v>139</v>
      </c>
      <c r="C25" s="2" t="s">
        <v>140</v>
      </c>
      <c r="D25" s="2" t="s">
        <v>141</v>
      </c>
      <c r="E25" s="2" t="s">
        <v>119</v>
      </c>
      <c r="F25" s="2" t="s">
        <v>142</v>
      </c>
      <c r="G25" s="3">
        <v>3</v>
      </c>
      <c r="H25" s="2" t="s">
        <v>37</v>
      </c>
      <c r="I25" s="3">
        <v>2020</v>
      </c>
      <c r="J25" s="2" t="s">
        <v>121</v>
      </c>
      <c r="K25" s="2"/>
      <c r="L25" s="2" t="s">
        <v>143</v>
      </c>
    </row>
    <row r="26" spans="1:12" ht="15.2" customHeight="1">
      <c r="A26" s="2" t="s">
        <v>13</v>
      </c>
      <c r="B26" s="2" t="s">
        <v>144</v>
      </c>
      <c r="C26" s="2" t="s">
        <v>145</v>
      </c>
      <c r="D26" s="2" t="s">
        <v>146</v>
      </c>
      <c r="E26" s="2" t="s">
        <v>119</v>
      </c>
      <c r="F26" s="2" t="s">
        <v>147</v>
      </c>
      <c r="G26" s="3">
        <v>5</v>
      </c>
      <c r="H26" s="2" t="s">
        <v>37</v>
      </c>
      <c r="I26" s="3">
        <v>2020</v>
      </c>
      <c r="J26" s="2" t="s">
        <v>121</v>
      </c>
      <c r="K26" s="2"/>
      <c r="L26" s="2" t="s">
        <v>148</v>
      </c>
    </row>
    <row r="27" spans="1:12" ht="15.2" customHeight="1">
      <c r="A27" s="2" t="s">
        <v>13</v>
      </c>
      <c r="B27" s="2" t="s">
        <v>149</v>
      </c>
      <c r="C27" s="2" t="s">
        <v>150</v>
      </c>
      <c r="D27" s="2" t="s">
        <v>151</v>
      </c>
      <c r="E27" s="2" t="s">
        <v>119</v>
      </c>
      <c r="F27" s="2" t="s">
        <v>152</v>
      </c>
      <c r="G27" s="3">
        <v>10</v>
      </c>
      <c r="H27" s="2" t="s">
        <v>37</v>
      </c>
      <c r="I27" s="3">
        <v>2020</v>
      </c>
      <c r="J27" s="2" t="s">
        <v>121</v>
      </c>
      <c r="K27" s="2"/>
      <c r="L27" s="2" t="s">
        <v>153</v>
      </c>
    </row>
    <row r="28" spans="1:12" ht="15.2" customHeight="1">
      <c r="A28" s="2" t="s">
        <v>13</v>
      </c>
      <c r="B28" s="2" t="s">
        <v>154</v>
      </c>
      <c r="C28" s="2" t="s">
        <v>155</v>
      </c>
      <c r="D28" s="2" t="s">
        <v>156</v>
      </c>
      <c r="E28" s="2" t="s">
        <v>136</v>
      </c>
      <c r="F28" s="2" t="s">
        <v>157</v>
      </c>
      <c r="G28" s="3">
        <v>7</v>
      </c>
      <c r="H28" s="2" t="s">
        <v>55</v>
      </c>
      <c r="I28" s="3">
        <v>2009</v>
      </c>
      <c r="J28" s="2" t="s">
        <v>121</v>
      </c>
      <c r="K28" s="2"/>
      <c r="L28" s="2" t="s">
        <v>158</v>
      </c>
    </row>
    <row r="29" spans="1:12" ht="15.2" customHeight="1">
      <c r="A29" s="2" t="s">
        <v>13</v>
      </c>
      <c r="B29" s="2" t="s">
        <v>159</v>
      </c>
      <c r="C29" s="2" t="s">
        <v>22</v>
      </c>
      <c r="D29" s="2" t="s">
        <v>23</v>
      </c>
      <c r="E29" s="2" t="s">
        <v>24</v>
      </c>
      <c r="F29" s="2" t="s">
        <v>25</v>
      </c>
      <c r="G29" s="3">
        <v>1</v>
      </c>
      <c r="H29" s="2" t="s">
        <v>26</v>
      </c>
      <c r="I29" s="3">
        <v>2014</v>
      </c>
      <c r="J29" s="2" t="s">
        <v>19</v>
      </c>
      <c r="K29" s="2"/>
      <c r="L29" s="2" t="s">
        <v>27</v>
      </c>
    </row>
    <row r="30" spans="1:12" ht="15.2" customHeight="1">
      <c r="A30" s="2" t="s">
        <v>13</v>
      </c>
      <c r="B30" s="2" t="s">
        <v>160</v>
      </c>
      <c r="C30" s="2" t="s">
        <v>29</v>
      </c>
      <c r="D30" s="2" t="s">
        <v>30</v>
      </c>
      <c r="E30" s="2" t="s">
        <v>24</v>
      </c>
      <c r="F30" s="2" t="s">
        <v>31</v>
      </c>
      <c r="G30" s="3">
        <v>2</v>
      </c>
      <c r="H30" s="2" t="s">
        <v>26</v>
      </c>
      <c r="I30" s="3">
        <v>2014</v>
      </c>
      <c r="J30" s="2" t="s">
        <v>19</v>
      </c>
      <c r="K30" s="2"/>
      <c r="L30" s="2" t="s">
        <v>32</v>
      </c>
    </row>
    <row r="31" spans="1:12" ht="15.2" customHeight="1">
      <c r="A31" s="2" t="s">
        <v>13</v>
      </c>
      <c r="B31" s="2" t="s">
        <v>161</v>
      </c>
      <c r="C31" s="2" t="s">
        <v>162</v>
      </c>
      <c r="D31" s="2" t="s">
        <v>163</v>
      </c>
      <c r="E31" s="2" t="s">
        <v>164</v>
      </c>
      <c r="F31" s="2" t="s">
        <v>165</v>
      </c>
      <c r="G31" s="3">
        <v>4</v>
      </c>
      <c r="H31" s="2" t="s">
        <v>55</v>
      </c>
      <c r="I31" s="3">
        <v>2013</v>
      </c>
      <c r="J31" s="2" t="s">
        <v>19</v>
      </c>
      <c r="K31" s="2"/>
      <c r="L31" s="2" t="s">
        <v>166</v>
      </c>
    </row>
    <row r="32" spans="1:12" ht="15.2" customHeight="1">
      <c r="A32" s="2" t="s">
        <v>13</v>
      </c>
      <c r="B32" s="2" t="s">
        <v>167</v>
      </c>
      <c r="C32" s="2" t="s">
        <v>168</v>
      </c>
      <c r="D32" s="2" t="s">
        <v>169</v>
      </c>
      <c r="E32" s="2" t="s">
        <v>164</v>
      </c>
      <c r="F32" s="2" t="s">
        <v>170</v>
      </c>
      <c r="G32" s="3">
        <v>5</v>
      </c>
      <c r="H32" s="2" t="s">
        <v>55</v>
      </c>
      <c r="I32" s="3">
        <v>2013</v>
      </c>
      <c r="J32" s="2" t="s">
        <v>19</v>
      </c>
      <c r="K32" s="2"/>
      <c r="L32" s="2" t="s">
        <v>171</v>
      </c>
    </row>
    <row r="33" spans="1:12" ht="15.2" customHeight="1">
      <c r="A33" s="2" t="s">
        <v>13</v>
      </c>
      <c r="B33" s="2" t="s">
        <v>172</v>
      </c>
      <c r="C33" s="2" t="s">
        <v>73</v>
      </c>
      <c r="D33" s="2" t="s">
        <v>74</v>
      </c>
      <c r="E33" s="2" t="s">
        <v>75</v>
      </c>
      <c r="F33" s="2" t="s">
        <v>76</v>
      </c>
      <c r="G33" s="3">
        <v>2</v>
      </c>
      <c r="H33" s="2" t="s">
        <v>55</v>
      </c>
      <c r="I33" s="3">
        <v>2012</v>
      </c>
      <c r="J33" s="2" t="s">
        <v>38</v>
      </c>
      <c r="K33" s="2"/>
      <c r="L33" s="2" t="s">
        <v>77</v>
      </c>
    </row>
    <row r="34" spans="1:12" ht="15.2" customHeight="1">
      <c r="A34" s="2" t="s">
        <v>173</v>
      </c>
      <c r="B34" s="2" t="s">
        <v>14</v>
      </c>
      <c r="C34" s="2" t="s">
        <v>174</v>
      </c>
      <c r="D34" s="2" t="s">
        <v>16</v>
      </c>
      <c r="E34" s="2" t="s">
        <v>16</v>
      </c>
      <c r="F34" s="2" t="s">
        <v>175</v>
      </c>
      <c r="G34" s="3">
        <v>3</v>
      </c>
      <c r="H34" s="2" t="s">
        <v>18</v>
      </c>
      <c r="I34" s="3">
        <v>2013</v>
      </c>
      <c r="J34" s="2" t="s">
        <v>19</v>
      </c>
      <c r="K34" s="2"/>
      <c r="L34" s="2" t="s">
        <v>176</v>
      </c>
    </row>
    <row r="35" spans="1:12" ht="15.2" customHeight="1">
      <c r="A35" s="2" t="s">
        <v>173</v>
      </c>
      <c r="B35" s="2" t="s">
        <v>21</v>
      </c>
      <c r="C35" s="2" t="s">
        <v>177</v>
      </c>
      <c r="D35" s="2" t="s">
        <v>178</v>
      </c>
      <c r="E35" s="2" t="s">
        <v>24</v>
      </c>
      <c r="F35" s="2" t="s">
        <v>179</v>
      </c>
      <c r="G35" s="3">
        <v>3</v>
      </c>
      <c r="H35" s="2" t="s">
        <v>26</v>
      </c>
      <c r="I35" s="3">
        <v>2014</v>
      </c>
      <c r="J35" s="2" t="s">
        <v>19</v>
      </c>
      <c r="K35" s="2"/>
      <c r="L35" s="2" t="s">
        <v>180</v>
      </c>
    </row>
    <row r="36" spans="1:12" ht="15.2" customHeight="1">
      <c r="A36" s="2" t="s">
        <v>173</v>
      </c>
      <c r="B36" s="2" t="s">
        <v>28</v>
      </c>
      <c r="C36" s="2" t="s">
        <v>181</v>
      </c>
      <c r="D36" s="2" t="s">
        <v>182</v>
      </c>
      <c r="E36" s="2" t="s">
        <v>24</v>
      </c>
      <c r="F36" s="2" t="s">
        <v>183</v>
      </c>
      <c r="G36" s="3">
        <v>4</v>
      </c>
      <c r="H36" s="2" t="s">
        <v>26</v>
      </c>
      <c r="I36" s="3">
        <v>2014</v>
      </c>
      <c r="J36" s="2" t="s">
        <v>19</v>
      </c>
      <c r="K36" s="2"/>
      <c r="L36" s="2" t="s">
        <v>184</v>
      </c>
    </row>
    <row r="37" spans="1:12" ht="15.2" customHeight="1">
      <c r="A37" s="2" t="s">
        <v>173</v>
      </c>
      <c r="B37" s="2" t="s">
        <v>33</v>
      </c>
      <c r="C37" s="2" t="s">
        <v>185</v>
      </c>
      <c r="D37" s="2" t="s">
        <v>186</v>
      </c>
      <c r="E37" s="2" t="s">
        <v>187</v>
      </c>
      <c r="F37" s="2" t="s">
        <v>188</v>
      </c>
      <c r="G37" s="3">
        <v>4</v>
      </c>
      <c r="H37" s="2" t="s">
        <v>37</v>
      </c>
      <c r="I37" s="3">
        <v>2019</v>
      </c>
      <c r="J37" s="2" t="s">
        <v>38</v>
      </c>
      <c r="K37" s="2"/>
      <c r="L37" s="2" t="s">
        <v>189</v>
      </c>
    </row>
    <row r="38" spans="1:12" ht="15.2" customHeight="1">
      <c r="A38" s="2" t="s">
        <v>173</v>
      </c>
      <c r="B38" s="2" t="s">
        <v>40</v>
      </c>
      <c r="C38" s="2" t="s">
        <v>190</v>
      </c>
      <c r="D38" s="2" t="s">
        <v>191</v>
      </c>
      <c r="E38" s="2" t="s">
        <v>187</v>
      </c>
      <c r="F38" s="2" t="s">
        <v>192</v>
      </c>
      <c r="G38" s="3">
        <v>5</v>
      </c>
      <c r="H38" s="2" t="s">
        <v>37</v>
      </c>
      <c r="I38" s="3">
        <v>2019</v>
      </c>
      <c r="J38" s="2" t="s">
        <v>38</v>
      </c>
      <c r="K38" s="2"/>
      <c r="L38" s="2" t="s">
        <v>193</v>
      </c>
    </row>
    <row r="39" spans="1:12" ht="15.2" customHeight="1">
      <c r="A39" s="2" t="s">
        <v>173</v>
      </c>
      <c r="B39" s="2" t="s">
        <v>44</v>
      </c>
      <c r="C39" s="2" t="s">
        <v>194</v>
      </c>
      <c r="D39" s="2" t="s">
        <v>195</v>
      </c>
      <c r="E39" s="2" t="s">
        <v>187</v>
      </c>
      <c r="F39" s="2" t="s">
        <v>196</v>
      </c>
      <c r="G39" s="3">
        <v>6</v>
      </c>
      <c r="H39" s="2" t="s">
        <v>37</v>
      </c>
      <c r="I39" s="3">
        <v>2019</v>
      </c>
      <c r="J39" s="2" t="s">
        <v>38</v>
      </c>
      <c r="K39" s="2"/>
      <c r="L39" s="2" t="s">
        <v>197</v>
      </c>
    </row>
    <row r="40" spans="1:12" ht="15.2" customHeight="1">
      <c r="A40" s="2" t="s">
        <v>173</v>
      </c>
      <c r="B40" s="2" t="s">
        <v>50</v>
      </c>
      <c r="C40" s="2"/>
      <c r="D40" s="2" t="s">
        <v>198</v>
      </c>
      <c r="E40" s="2" t="s">
        <v>199</v>
      </c>
      <c r="F40" s="2" t="s">
        <v>200</v>
      </c>
      <c r="G40" s="3">
        <v>5</v>
      </c>
      <c r="H40" s="2" t="s">
        <v>37</v>
      </c>
      <c r="I40" s="3">
        <v>2020</v>
      </c>
      <c r="J40" s="2" t="s">
        <v>38</v>
      </c>
      <c r="K40" s="2"/>
      <c r="L40" s="2" t="s">
        <v>201</v>
      </c>
    </row>
    <row r="41" spans="1:12" ht="15.2" customHeight="1">
      <c r="A41" s="2" t="s">
        <v>173</v>
      </c>
      <c r="B41" s="2" t="s">
        <v>57</v>
      </c>
      <c r="C41" s="2" t="s">
        <v>202</v>
      </c>
      <c r="D41" s="2" t="s">
        <v>203</v>
      </c>
      <c r="E41" s="2" t="s">
        <v>204</v>
      </c>
      <c r="F41" s="2" t="s">
        <v>205</v>
      </c>
      <c r="G41" s="3">
        <v>1</v>
      </c>
      <c r="H41" s="2" t="s">
        <v>55</v>
      </c>
      <c r="I41" s="3">
        <v>2020</v>
      </c>
      <c r="J41" s="2" t="s">
        <v>38</v>
      </c>
      <c r="K41" s="2"/>
      <c r="L41" s="2" t="s">
        <v>206</v>
      </c>
    </row>
    <row r="42" spans="1:12" ht="15.2" customHeight="1">
      <c r="A42" s="2" t="s">
        <v>173</v>
      </c>
      <c r="B42" s="2" t="s">
        <v>62</v>
      </c>
      <c r="C42" s="2" t="s">
        <v>207</v>
      </c>
      <c r="D42" s="2" t="s">
        <v>208</v>
      </c>
      <c r="E42" s="2" t="s">
        <v>209</v>
      </c>
      <c r="F42" s="2" t="s">
        <v>210</v>
      </c>
      <c r="G42" s="3">
        <v>5</v>
      </c>
      <c r="H42" s="2" t="s">
        <v>55</v>
      </c>
      <c r="I42" s="3">
        <v>2012</v>
      </c>
      <c r="J42" s="2" t="s">
        <v>19</v>
      </c>
      <c r="K42" s="2"/>
      <c r="L42" s="2" t="s">
        <v>211</v>
      </c>
    </row>
    <row r="43" spans="1:12" ht="15.2" customHeight="1">
      <c r="A43" s="2" t="s">
        <v>173</v>
      </c>
      <c r="B43" s="2" t="s">
        <v>67</v>
      </c>
      <c r="C43" s="2" t="s">
        <v>212</v>
      </c>
      <c r="D43" s="2" t="s">
        <v>213</v>
      </c>
      <c r="E43" s="2" t="s">
        <v>209</v>
      </c>
      <c r="F43" s="2" t="s">
        <v>214</v>
      </c>
      <c r="G43" s="3">
        <v>6</v>
      </c>
      <c r="H43" s="2" t="s">
        <v>55</v>
      </c>
      <c r="I43" s="3">
        <v>2012</v>
      </c>
      <c r="J43" s="2" t="s">
        <v>19</v>
      </c>
      <c r="K43" s="2"/>
      <c r="L43" s="2" t="s">
        <v>215</v>
      </c>
    </row>
    <row r="44" spans="1:12" ht="15.2" customHeight="1">
      <c r="A44" s="2" t="s">
        <v>173</v>
      </c>
      <c r="B44" s="2" t="s">
        <v>72</v>
      </c>
      <c r="C44" s="2" t="s">
        <v>162</v>
      </c>
      <c r="D44" s="2" t="s">
        <v>163</v>
      </c>
      <c r="E44" s="2" t="s">
        <v>164</v>
      </c>
      <c r="F44" s="2" t="s">
        <v>165</v>
      </c>
      <c r="G44" s="3">
        <v>4</v>
      </c>
      <c r="H44" s="2" t="s">
        <v>55</v>
      </c>
      <c r="I44" s="3">
        <v>2013</v>
      </c>
      <c r="J44" s="2" t="s">
        <v>19</v>
      </c>
      <c r="K44" s="2"/>
      <c r="L44" s="2" t="s">
        <v>166</v>
      </c>
    </row>
    <row r="45" spans="1:12" ht="15.2" customHeight="1">
      <c r="A45" s="2" t="s">
        <v>173</v>
      </c>
      <c r="B45" s="2" t="s">
        <v>78</v>
      </c>
      <c r="C45" s="2" t="s">
        <v>168</v>
      </c>
      <c r="D45" s="2" t="s">
        <v>169</v>
      </c>
      <c r="E45" s="2" t="s">
        <v>164</v>
      </c>
      <c r="F45" s="2" t="s">
        <v>170</v>
      </c>
      <c r="G45" s="3">
        <v>5</v>
      </c>
      <c r="H45" s="2" t="s">
        <v>55</v>
      </c>
      <c r="I45" s="3">
        <v>2013</v>
      </c>
      <c r="J45" s="2" t="s">
        <v>19</v>
      </c>
      <c r="K45" s="2"/>
      <c r="L45" s="2" t="s">
        <v>171</v>
      </c>
    </row>
    <row r="46" spans="1:12" ht="15.2" customHeight="1">
      <c r="A46" s="2" t="s">
        <v>173</v>
      </c>
      <c r="B46" s="2" t="s">
        <v>83</v>
      </c>
      <c r="C46" s="2" t="s">
        <v>216</v>
      </c>
      <c r="D46" s="2" t="s">
        <v>217</v>
      </c>
      <c r="E46" s="2" t="s">
        <v>164</v>
      </c>
      <c r="F46" s="2" t="s">
        <v>218</v>
      </c>
      <c r="G46" s="3">
        <v>6</v>
      </c>
      <c r="H46" s="2" t="s">
        <v>55</v>
      </c>
      <c r="I46" s="3">
        <v>2013</v>
      </c>
      <c r="J46" s="2" t="s">
        <v>19</v>
      </c>
      <c r="K46" s="2"/>
      <c r="L46" s="2" t="s">
        <v>219</v>
      </c>
    </row>
    <row r="47" spans="1:12" ht="15.2" customHeight="1">
      <c r="A47" s="2" t="s">
        <v>173</v>
      </c>
      <c r="B47" s="2" t="s">
        <v>88</v>
      </c>
      <c r="C47" s="2" t="s">
        <v>220</v>
      </c>
      <c r="D47" s="2" t="s">
        <v>221</v>
      </c>
      <c r="E47" s="2" t="s">
        <v>222</v>
      </c>
      <c r="F47" s="2" t="s">
        <v>223</v>
      </c>
      <c r="G47" s="3">
        <v>1</v>
      </c>
      <c r="H47" s="2" t="s">
        <v>37</v>
      </c>
      <c r="I47" s="3">
        <v>2020</v>
      </c>
      <c r="J47" s="2" t="s">
        <v>19</v>
      </c>
      <c r="K47" s="2"/>
      <c r="L47" s="2" t="s">
        <v>224</v>
      </c>
    </row>
    <row r="48" spans="1:12" ht="15.2" customHeight="1">
      <c r="A48" s="2" t="s">
        <v>173</v>
      </c>
      <c r="B48" s="2" t="s">
        <v>94</v>
      </c>
      <c r="C48" s="2"/>
      <c r="D48" s="2" t="s">
        <v>225</v>
      </c>
      <c r="E48" s="2" t="s">
        <v>226</v>
      </c>
      <c r="F48" s="2" t="s">
        <v>227</v>
      </c>
      <c r="G48" s="3">
        <v>8</v>
      </c>
      <c r="H48" s="2" t="s">
        <v>37</v>
      </c>
      <c r="I48" s="3">
        <v>2020</v>
      </c>
      <c r="J48" s="2" t="s">
        <v>38</v>
      </c>
      <c r="K48" s="2"/>
      <c r="L48" s="2" t="s">
        <v>228</v>
      </c>
    </row>
    <row r="49" spans="1:12" ht="15.2" customHeight="1">
      <c r="A49" s="2" t="s">
        <v>173</v>
      </c>
      <c r="B49" s="2" t="s">
        <v>100</v>
      </c>
      <c r="C49" s="2"/>
      <c r="D49" s="2" t="s">
        <v>229</v>
      </c>
      <c r="E49" s="2" t="s">
        <v>226</v>
      </c>
      <c r="F49" s="2" t="s">
        <v>230</v>
      </c>
      <c r="G49" s="3">
        <v>9</v>
      </c>
      <c r="H49" s="2" t="s">
        <v>37</v>
      </c>
      <c r="I49" s="3">
        <v>2020</v>
      </c>
      <c r="J49" s="2" t="s">
        <v>38</v>
      </c>
      <c r="K49" s="2"/>
      <c r="L49" s="2" t="s">
        <v>231</v>
      </c>
    </row>
    <row r="50" spans="1:12" ht="15.2" customHeight="1">
      <c r="A50" s="2" t="s">
        <v>173</v>
      </c>
      <c r="B50" s="2" t="s">
        <v>105</v>
      </c>
      <c r="C50" s="2" t="s">
        <v>232</v>
      </c>
      <c r="D50" s="2" t="s">
        <v>233</v>
      </c>
      <c r="E50" s="2" t="s">
        <v>226</v>
      </c>
      <c r="F50" s="2" t="s">
        <v>234</v>
      </c>
      <c r="G50" s="3">
        <v>9</v>
      </c>
      <c r="H50" s="2" t="s">
        <v>37</v>
      </c>
      <c r="I50" s="3">
        <v>2019</v>
      </c>
      <c r="J50" s="2" t="s">
        <v>38</v>
      </c>
      <c r="K50" s="2"/>
      <c r="L50" s="2" t="s">
        <v>235</v>
      </c>
    </row>
    <row r="51" spans="1:12" ht="15.2" customHeight="1">
      <c r="A51" s="2" t="s">
        <v>173</v>
      </c>
      <c r="B51" s="2" t="s">
        <v>111</v>
      </c>
      <c r="C51" s="2" t="s">
        <v>236</v>
      </c>
      <c r="D51" s="2" t="s">
        <v>237</v>
      </c>
      <c r="E51" s="2" t="s">
        <v>226</v>
      </c>
      <c r="F51" s="2" t="s">
        <v>238</v>
      </c>
      <c r="G51" s="3">
        <v>10</v>
      </c>
      <c r="H51" s="2" t="s">
        <v>37</v>
      </c>
      <c r="I51" s="3">
        <v>2019</v>
      </c>
      <c r="J51" s="2" t="s">
        <v>38</v>
      </c>
      <c r="K51" s="2"/>
      <c r="L51" s="2" t="s">
        <v>239</v>
      </c>
    </row>
    <row r="52" spans="1:12" ht="15.2" customHeight="1">
      <c r="A52" s="2" t="s">
        <v>173</v>
      </c>
      <c r="B52" s="2" t="s">
        <v>116</v>
      </c>
      <c r="C52" s="2" t="s">
        <v>240</v>
      </c>
      <c r="D52" s="2" t="s">
        <v>241</v>
      </c>
      <c r="E52" s="2" t="s">
        <v>242</v>
      </c>
      <c r="F52" s="2" t="s">
        <v>243</v>
      </c>
      <c r="G52" s="3">
        <v>1</v>
      </c>
      <c r="H52" s="2" t="s">
        <v>37</v>
      </c>
      <c r="I52" s="3">
        <v>2019</v>
      </c>
      <c r="J52" s="2" t="s">
        <v>19</v>
      </c>
      <c r="K52" s="2"/>
      <c r="L52" s="2" t="s">
        <v>244</v>
      </c>
    </row>
    <row r="53" spans="1:12" ht="15.2" customHeight="1">
      <c r="A53" s="2" t="s">
        <v>173</v>
      </c>
      <c r="B53" s="2" t="s">
        <v>123</v>
      </c>
      <c r="C53" s="2" t="s">
        <v>245</v>
      </c>
      <c r="D53" s="2" t="s">
        <v>246</v>
      </c>
      <c r="E53" s="2" t="s">
        <v>247</v>
      </c>
      <c r="F53" s="2" t="s">
        <v>247</v>
      </c>
      <c r="G53" s="3">
        <v>1</v>
      </c>
      <c r="H53" s="2" t="s">
        <v>248</v>
      </c>
      <c r="I53" s="3">
        <v>2011</v>
      </c>
      <c r="J53" s="2" t="s">
        <v>38</v>
      </c>
      <c r="K53" s="2"/>
      <c r="L53" s="2" t="s">
        <v>249</v>
      </c>
    </row>
    <row r="54" spans="1:12" ht="15.2" customHeight="1">
      <c r="A54" s="2" t="s">
        <v>173</v>
      </c>
      <c r="B54" s="2" t="s">
        <v>128</v>
      </c>
      <c r="C54" s="2" t="s">
        <v>250</v>
      </c>
      <c r="D54" s="2" t="s">
        <v>251</v>
      </c>
      <c r="E54" s="2" t="s">
        <v>252</v>
      </c>
      <c r="F54" s="2" t="s">
        <v>253</v>
      </c>
      <c r="G54" s="3">
        <v>1</v>
      </c>
      <c r="H54" s="2" t="s">
        <v>55</v>
      </c>
      <c r="I54" s="3">
        <v>2018</v>
      </c>
      <c r="J54" s="2" t="s">
        <v>38</v>
      </c>
      <c r="K54" s="2"/>
      <c r="L54" s="2" t="s">
        <v>254</v>
      </c>
    </row>
    <row r="55" spans="1:12" ht="15.2" customHeight="1">
      <c r="A55" s="2" t="s">
        <v>173</v>
      </c>
      <c r="B55" s="2" t="s">
        <v>133</v>
      </c>
      <c r="C55" s="2" t="s">
        <v>255</v>
      </c>
      <c r="D55" s="2" t="s">
        <v>256</v>
      </c>
      <c r="E55" s="2" t="s">
        <v>257</v>
      </c>
      <c r="F55" s="2" t="s">
        <v>258</v>
      </c>
      <c r="G55" s="3">
        <v>1</v>
      </c>
      <c r="H55" s="2" t="s">
        <v>55</v>
      </c>
      <c r="I55" s="3">
        <v>2018</v>
      </c>
      <c r="J55" s="2" t="s">
        <v>38</v>
      </c>
      <c r="K55" s="2"/>
      <c r="L55" s="2" t="s">
        <v>259</v>
      </c>
    </row>
    <row r="56" spans="1:12" ht="15.2" customHeight="1">
      <c r="A56" s="2" t="s">
        <v>173</v>
      </c>
      <c r="B56" s="2" t="s">
        <v>139</v>
      </c>
      <c r="C56" s="2"/>
      <c r="D56" s="2" t="s">
        <v>198</v>
      </c>
      <c r="E56" s="2" t="s">
        <v>199</v>
      </c>
      <c r="F56" s="2" t="s">
        <v>200</v>
      </c>
      <c r="G56" s="3">
        <v>5</v>
      </c>
      <c r="H56" s="2" t="s">
        <v>37</v>
      </c>
      <c r="I56" s="3">
        <v>2020</v>
      </c>
      <c r="J56" s="2" t="s">
        <v>38</v>
      </c>
      <c r="K56" s="2"/>
      <c r="L56" s="2" t="s">
        <v>201</v>
      </c>
    </row>
    <row r="57" spans="1:12" ht="15.2" customHeight="1">
      <c r="A57" s="2" t="s">
        <v>173</v>
      </c>
      <c r="B57" s="2" t="s">
        <v>144</v>
      </c>
      <c r="C57" s="2" t="s">
        <v>202</v>
      </c>
      <c r="D57" s="2" t="s">
        <v>203</v>
      </c>
      <c r="E57" s="2" t="s">
        <v>204</v>
      </c>
      <c r="F57" s="2" t="s">
        <v>205</v>
      </c>
      <c r="G57" s="3">
        <v>1</v>
      </c>
      <c r="H57" s="2" t="s">
        <v>55</v>
      </c>
      <c r="I57" s="3">
        <v>2020</v>
      </c>
      <c r="J57" s="2" t="s">
        <v>38</v>
      </c>
      <c r="K57" s="2"/>
      <c r="L57" s="2" t="s">
        <v>206</v>
      </c>
    </row>
    <row r="58" spans="1:12" ht="15.2" customHeight="1">
      <c r="A58" s="2" t="s">
        <v>173</v>
      </c>
      <c r="B58" s="2" t="s">
        <v>149</v>
      </c>
      <c r="C58" s="2" t="s">
        <v>207</v>
      </c>
      <c r="D58" s="2" t="s">
        <v>208</v>
      </c>
      <c r="E58" s="2" t="s">
        <v>209</v>
      </c>
      <c r="F58" s="2" t="s">
        <v>210</v>
      </c>
      <c r="G58" s="3">
        <v>5</v>
      </c>
      <c r="H58" s="2" t="s">
        <v>55</v>
      </c>
      <c r="I58" s="3">
        <v>2012</v>
      </c>
      <c r="J58" s="2" t="s">
        <v>19</v>
      </c>
      <c r="K58" s="2"/>
      <c r="L58" s="2" t="s">
        <v>211</v>
      </c>
    </row>
    <row r="59" spans="1:12" ht="15.2" customHeight="1">
      <c r="A59" s="2" t="s">
        <v>173</v>
      </c>
      <c r="B59" s="2" t="s">
        <v>154</v>
      </c>
      <c r="C59" s="2" t="s">
        <v>212</v>
      </c>
      <c r="D59" s="2" t="s">
        <v>213</v>
      </c>
      <c r="E59" s="2" t="s">
        <v>209</v>
      </c>
      <c r="F59" s="2" t="s">
        <v>214</v>
      </c>
      <c r="G59" s="3">
        <v>6</v>
      </c>
      <c r="H59" s="2" t="s">
        <v>55</v>
      </c>
      <c r="I59" s="3">
        <v>2012</v>
      </c>
      <c r="J59" s="2" t="s">
        <v>19</v>
      </c>
      <c r="K59" s="2"/>
      <c r="L59" s="2" t="s">
        <v>215</v>
      </c>
    </row>
    <row r="60" spans="1:12" ht="15.2" customHeight="1">
      <c r="A60" s="2" t="s">
        <v>173</v>
      </c>
      <c r="B60" s="2" t="s">
        <v>159</v>
      </c>
      <c r="C60" s="2" t="s">
        <v>177</v>
      </c>
      <c r="D60" s="2" t="s">
        <v>178</v>
      </c>
      <c r="E60" s="2" t="s">
        <v>24</v>
      </c>
      <c r="F60" s="2" t="s">
        <v>179</v>
      </c>
      <c r="G60" s="3">
        <v>3</v>
      </c>
      <c r="H60" s="2" t="s">
        <v>26</v>
      </c>
      <c r="I60" s="3">
        <v>2014</v>
      </c>
      <c r="J60" s="2" t="s">
        <v>19</v>
      </c>
      <c r="K60" s="2"/>
      <c r="L60" s="2" t="s">
        <v>180</v>
      </c>
    </row>
    <row r="61" spans="1:12" ht="15.2" customHeight="1">
      <c r="A61" s="2" t="s">
        <v>173</v>
      </c>
      <c r="B61" s="2" t="s">
        <v>160</v>
      </c>
      <c r="C61" s="2" t="s">
        <v>181</v>
      </c>
      <c r="D61" s="2" t="s">
        <v>182</v>
      </c>
      <c r="E61" s="2" t="s">
        <v>24</v>
      </c>
      <c r="F61" s="2" t="s">
        <v>183</v>
      </c>
      <c r="G61" s="3">
        <v>4</v>
      </c>
      <c r="H61" s="2" t="s">
        <v>26</v>
      </c>
      <c r="I61" s="3">
        <v>2014</v>
      </c>
      <c r="J61" s="2" t="s">
        <v>19</v>
      </c>
      <c r="K61" s="2"/>
      <c r="L61" s="2" t="s">
        <v>184</v>
      </c>
    </row>
    <row r="62" spans="1:12" ht="15.2" customHeight="1">
      <c r="A62" s="2" t="s">
        <v>173</v>
      </c>
      <c r="B62" s="2" t="s">
        <v>161</v>
      </c>
      <c r="C62" s="2" t="s">
        <v>51</v>
      </c>
      <c r="D62" s="2" t="s">
        <v>52</v>
      </c>
      <c r="E62" s="2" t="s">
        <v>53</v>
      </c>
      <c r="F62" s="2" t="s">
        <v>54</v>
      </c>
      <c r="G62" s="3">
        <v>5</v>
      </c>
      <c r="H62" s="2" t="s">
        <v>55</v>
      </c>
      <c r="I62" s="3">
        <v>2011</v>
      </c>
      <c r="J62" s="2" t="s">
        <v>19</v>
      </c>
      <c r="K62" s="2"/>
      <c r="L62" s="2" t="s">
        <v>56</v>
      </c>
    </row>
    <row r="63" spans="1:12" ht="15.2" customHeight="1">
      <c r="A63" s="2" t="s">
        <v>173</v>
      </c>
      <c r="B63" s="2" t="s">
        <v>167</v>
      </c>
      <c r="C63" s="2" t="s">
        <v>58</v>
      </c>
      <c r="D63" s="2" t="s">
        <v>59</v>
      </c>
      <c r="E63" s="2" t="s">
        <v>53</v>
      </c>
      <c r="F63" s="2" t="s">
        <v>60</v>
      </c>
      <c r="G63" s="3">
        <v>1</v>
      </c>
      <c r="H63" s="2" t="s">
        <v>55</v>
      </c>
      <c r="I63" s="3">
        <v>2006</v>
      </c>
      <c r="J63" s="2" t="s">
        <v>19</v>
      </c>
      <c r="K63" s="2"/>
      <c r="L63" s="2" t="s">
        <v>61</v>
      </c>
    </row>
    <row r="64" spans="1:12" ht="15.2" customHeight="1">
      <c r="A64" s="2" t="s">
        <v>173</v>
      </c>
      <c r="B64" s="2" t="s">
        <v>172</v>
      </c>
      <c r="C64" s="2" t="s">
        <v>84</v>
      </c>
      <c r="D64" s="2" t="s">
        <v>85</v>
      </c>
      <c r="E64" s="2" t="s">
        <v>75</v>
      </c>
      <c r="F64" s="2" t="s">
        <v>86</v>
      </c>
      <c r="G64" s="3">
        <v>4</v>
      </c>
      <c r="H64" s="2" t="s">
        <v>55</v>
      </c>
      <c r="I64" s="3">
        <v>2012</v>
      </c>
      <c r="J64" s="2" t="s">
        <v>38</v>
      </c>
      <c r="K64" s="2"/>
      <c r="L64" s="2" t="s">
        <v>87</v>
      </c>
    </row>
    <row r="65" spans="1:12" ht="15.2" customHeight="1">
      <c r="A65" s="2" t="s">
        <v>260</v>
      </c>
      <c r="B65" s="2" t="s">
        <v>14</v>
      </c>
      <c r="C65" s="2" t="s">
        <v>261</v>
      </c>
      <c r="D65" s="2" t="s">
        <v>16</v>
      </c>
      <c r="E65" s="2" t="s">
        <v>16</v>
      </c>
      <c r="F65" s="2" t="s">
        <v>262</v>
      </c>
      <c r="G65" s="3">
        <v>4</v>
      </c>
      <c r="H65" s="2" t="s">
        <v>18</v>
      </c>
      <c r="I65" s="3">
        <v>2013</v>
      </c>
      <c r="J65" s="2" t="s">
        <v>19</v>
      </c>
      <c r="K65" s="2"/>
      <c r="L65" s="2" t="s">
        <v>263</v>
      </c>
    </row>
    <row r="66" spans="1:12" ht="15.2" customHeight="1">
      <c r="A66" s="2" t="s">
        <v>260</v>
      </c>
      <c r="B66" s="2" t="s">
        <v>21</v>
      </c>
      <c r="C66" s="2" t="s">
        <v>264</v>
      </c>
      <c r="D66" s="2" t="s">
        <v>265</v>
      </c>
      <c r="E66" s="2" t="s">
        <v>266</v>
      </c>
      <c r="F66" s="2" t="s">
        <v>267</v>
      </c>
      <c r="G66" s="3">
        <v>11</v>
      </c>
      <c r="H66" s="2" t="s">
        <v>18</v>
      </c>
      <c r="I66" s="3">
        <v>2013</v>
      </c>
      <c r="J66" s="2" t="s">
        <v>38</v>
      </c>
      <c r="K66" s="2"/>
      <c r="L66" s="2" t="s">
        <v>268</v>
      </c>
    </row>
    <row r="67" spans="1:12" ht="15.2" customHeight="1">
      <c r="A67" s="2" t="s">
        <v>260</v>
      </c>
      <c r="B67" s="2" t="s">
        <v>28</v>
      </c>
      <c r="C67" s="2" t="s">
        <v>269</v>
      </c>
      <c r="D67" s="2" t="s">
        <v>270</v>
      </c>
      <c r="E67" s="2" t="s">
        <v>266</v>
      </c>
      <c r="F67" s="2" t="s">
        <v>271</v>
      </c>
      <c r="G67" s="3">
        <v>12</v>
      </c>
      <c r="H67" s="2" t="s">
        <v>18</v>
      </c>
      <c r="I67" s="3">
        <v>2013</v>
      </c>
      <c r="J67" s="2" t="s">
        <v>38</v>
      </c>
      <c r="K67" s="2"/>
      <c r="L67" s="2" t="s">
        <v>272</v>
      </c>
    </row>
    <row r="68" spans="1:12" ht="15.2" customHeight="1">
      <c r="A68" s="2" t="s">
        <v>260</v>
      </c>
      <c r="B68" s="2" t="s">
        <v>33</v>
      </c>
      <c r="C68" s="2" t="s">
        <v>273</v>
      </c>
      <c r="D68" s="2" t="s">
        <v>274</v>
      </c>
      <c r="E68" s="2" t="s">
        <v>136</v>
      </c>
      <c r="F68" s="2" t="s">
        <v>275</v>
      </c>
      <c r="G68" s="3">
        <v>2</v>
      </c>
      <c r="H68" s="2" t="s">
        <v>55</v>
      </c>
      <c r="I68" s="3">
        <v>2017</v>
      </c>
      <c r="J68" s="2" t="s">
        <v>121</v>
      </c>
      <c r="K68" s="2"/>
      <c r="L68" s="2" t="s">
        <v>276</v>
      </c>
    </row>
    <row r="69" spans="1:12" ht="15.2" customHeight="1">
      <c r="A69" s="2" t="s">
        <v>260</v>
      </c>
      <c r="B69" s="2" t="s">
        <v>40</v>
      </c>
      <c r="C69" s="2" t="s">
        <v>277</v>
      </c>
      <c r="D69" s="2" t="s">
        <v>278</v>
      </c>
      <c r="E69" s="2" t="s">
        <v>136</v>
      </c>
      <c r="F69" s="2" t="s">
        <v>279</v>
      </c>
      <c r="G69" s="3">
        <v>7</v>
      </c>
      <c r="H69" s="2" t="s">
        <v>55</v>
      </c>
      <c r="I69" s="3">
        <v>2006</v>
      </c>
      <c r="J69" s="2" t="s">
        <v>121</v>
      </c>
      <c r="K69" s="2"/>
      <c r="L69" s="2" t="s">
        <v>280</v>
      </c>
    </row>
    <row r="70" spans="1:12" ht="15.2" customHeight="1">
      <c r="A70" s="2" t="s">
        <v>260</v>
      </c>
      <c r="B70" s="2" t="s">
        <v>44</v>
      </c>
      <c r="C70" s="2" t="s">
        <v>281</v>
      </c>
      <c r="D70" s="2" t="s">
        <v>282</v>
      </c>
      <c r="E70" s="2" t="s">
        <v>283</v>
      </c>
      <c r="F70" s="2" t="s">
        <v>284</v>
      </c>
      <c r="G70" s="3">
        <v>49</v>
      </c>
      <c r="H70" s="2" t="s">
        <v>248</v>
      </c>
      <c r="I70" s="3">
        <v>2012</v>
      </c>
      <c r="J70" s="2" t="s">
        <v>38</v>
      </c>
      <c r="K70" s="2"/>
      <c r="L70" s="2" t="s">
        <v>285</v>
      </c>
    </row>
    <row r="71" spans="1:12" ht="15.2" customHeight="1">
      <c r="A71" s="2" t="s">
        <v>260</v>
      </c>
      <c r="B71" s="2" t="s">
        <v>50</v>
      </c>
      <c r="C71" s="2" t="s">
        <v>286</v>
      </c>
      <c r="D71" s="2" t="s">
        <v>287</v>
      </c>
      <c r="E71" s="2" t="s">
        <v>283</v>
      </c>
      <c r="F71" s="2" t="s">
        <v>288</v>
      </c>
      <c r="G71" s="3">
        <v>1</v>
      </c>
      <c r="H71" s="2" t="s">
        <v>55</v>
      </c>
      <c r="I71" s="3">
        <v>2018</v>
      </c>
      <c r="J71" s="2" t="s">
        <v>289</v>
      </c>
      <c r="K71" s="2"/>
      <c r="L71" s="2" t="s">
        <v>290</v>
      </c>
    </row>
    <row r="72" spans="1:12" ht="15.2" customHeight="1">
      <c r="A72" s="2" t="s">
        <v>260</v>
      </c>
      <c r="B72" s="2" t="s">
        <v>57</v>
      </c>
      <c r="C72" s="2" t="s">
        <v>291</v>
      </c>
      <c r="D72" s="2" t="s">
        <v>292</v>
      </c>
      <c r="E72" s="2" t="s">
        <v>293</v>
      </c>
      <c r="F72" s="2" t="s">
        <v>294</v>
      </c>
      <c r="G72" s="3">
        <v>1</v>
      </c>
      <c r="H72" s="2" t="s">
        <v>55</v>
      </c>
      <c r="I72" s="3">
        <v>2012</v>
      </c>
      <c r="J72" s="2" t="s">
        <v>19</v>
      </c>
      <c r="K72" s="2"/>
      <c r="L72" s="2" t="s">
        <v>295</v>
      </c>
    </row>
    <row r="73" spans="1:12" ht="15.2" customHeight="1">
      <c r="A73" s="2" t="s">
        <v>260</v>
      </c>
      <c r="B73" s="2" t="s">
        <v>62</v>
      </c>
      <c r="C73" s="2" t="s">
        <v>296</v>
      </c>
      <c r="D73" s="2" t="s">
        <v>297</v>
      </c>
      <c r="E73" s="2" t="s">
        <v>293</v>
      </c>
      <c r="F73" s="2" t="s">
        <v>298</v>
      </c>
      <c r="G73" s="3">
        <v>6</v>
      </c>
      <c r="H73" s="2" t="s">
        <v>55</v>
      </c>
      <c r="I73" s="3">
        <v>2013</v>
      </c>
      <c r="J73" s="2" t="s">
        <v>19</v>
      </c>
      <c r="K73" s="2"/>
      <c r="L73" s="2" t="s">
        <v>299</v>
      </c>
    </row>
    <row r="74" spans="1:12" ht="15.2" customHeight="1">
      <c r="A74" s="2" t="s">
        <v>260</v>
      </c>
      <c r="B74" s="2" t="s">
        <v>67</v>
      </c>
      <c r="C74" s="2"/>
      <c r="D74" s="2" t="s">
        <v>300</v>
      </c>
      <c r="E74" s="2" t="s">
        <v>301</v>
      </c>
      <c r="F74" s="2" t="s">
        <v>302</v>
      </c>
      <c r="G74" s="3">
        <v>8</v>
      </c>
      <c r="H74" s="2" t="s">
        <v>37</v>
      </c>
      <c r="I74" s="3">
        <v>2020</v>
      </c>
      <c r="J74" s="2" t="s">
        <v>19</v>
      </c>
      <c r="K74" s="2"/>
      <c r="L74" s="2" t="s">
        <v>303</v>
      </c>
    </row>
    <row r="75" spans="1:12" ht="15.2" customHeight="1">
      <c r="A75" s="2" t="s">
        <v>260</v>
      </c>
      <c r="B75" s="2" t="s">
        <v>72</v>
      </c>
      <c r="C75" s="2"/>
      <c r="D75" s="2" t="s">
        <v>304</v>
      </c>
      <c r="E75" s="2" t="s">
        <v>301</v>
      </c>
      <c r="F75" s="2" t="s">
        <v>305</v>
      </c>
      <c r="G75" s="3">
        <v>3</v>
      </c>
      <c r="H75" s="2" t="s">
        <v>37</v>
      </c>
      <c r="I75" s="3">
        <v>2020</v>
      </c>
      <c r="J75" s="2" t="s">
        <v>19</v>
      </c>
      <c r="K75" s="2"/>
      <c r="L75" s="2" t="s">
        <v>306</v>
      </c>
    </row>
    <row r="76" spans="1:12" ht="15.2" customHeight="1">
      <c r="A76" s="2" t="s">
        <v>260</v>
      </c>
      <c r="B76" s="2" t="s">
        <v>78</v>
      </c>
      <c r="C76" s="2"/>
      <c r="D76" s="2" t="s">
        <v>307</v>
      </c>
      <c r="E76" s="2" t="s">
        <v>301</v>
      </c>
      <c r="F76" s="2" t="s">
        <v>308</v>
      </c>
      <c r="G76" s="3">
        <v>7</v>
      </c>
      <c r="H76" s="2" t="s">
        <v>37</v>
      </c>
      <c r="I76" s="3">
        <v>2020</v>
      </c>
      <c r="J76" s="2" t="s">
        <v>19</v>
      </c>
      <c r="K76" s="2"/>
      <c r="L76" s="2" t="s">
        <v>309</v>
      </c>
    </row>
    <row r="77" spans="1:12" ht="15.2" customHeight="1">
      <c r="A77" s="2" t="s">
        <v>260</v>
      </c>
      <c r="B77" s="2" t="s">
        <v>83</v>
      </c>
      <c r="C77" s="2" t="s">
        <v>310</v>
      </c>
      <c r="D77" s="2" t="s">
        <v>311</v>
      </c>
      <c r="E77" s="2" t="s">
        <v>301</v>
      </c>
      <c r="F77" s="2" t="s">
        <v>312</v>
      </c>
      <c r="G77" s="3">
        <v>10</v>
      </c>
      <c r="H77" s="2" t="s">
        <v>37</v>
      </c>
      <c r="I77" s="3">
        <v>2020</v>
      </c>
      <c r="J77" s="2" t="s">
        <v>19</v>
      </c>
      <c r="K77" s="2"/>
      <c r="L77" s="2" t="s">
        <v>313</v>
      </c>
    </row>
    <row r="78" spans="1:12" ht="15.2" customHeight="1">
      <c r="A78" s="2" t="s">
        <v>260</v>
      </c>
      <c r="B78" s="2" t="s">
        <v>88</v>
      </c>
      <c r="C78" s="2" t="s">
        <v>314</v>
      </c>
      <c r="D78" s="2" t="s">
        <v>315</v>
      </c>
      <c r="E78" s="2" t="s">
        <v>301</v>
      </c>
      <c r="F78" s="2" t="s">
        <v>316</v>
      </c>
      <c r="G78" s="3">
        <v>9</v>
      </c>
      <c r="H78" s="2" t="s">
        <v>37</v>
      </c>
      <c r="I78" s="3">
        <v>2020</v>
      </c>
      <c r="J78" s="2" t="s">
        <v>19</v>
      </c>
      <c r="K78" s="2"/>
      <c r="L78" s="2" t="s">
        <v>317</v>
      </c>
    </row>
    <row r="79" spans="1:12" ht="15.2" customHeight="1">
      <c r="A79" s="2" t="s">
        <v>260</v>
      </c>
      <c r="B79" s="2" t="s">
        <v>94</v>
      </c>
      <c r="C79" s="2"/>
      <c r="D79" s="2" t="s">
        <v>318</v>
      </c>
      <c r="E79" s="2" t="s">
        <v>319</v>
      </c>
      <c r="F79" s="2" t="s">
        <v>320</v>
      </c>
      <c r="G79" s="3">
        <v>6</v>
      </c>
      <c r="H79" s="2" t="s">
        <v>37</v>
      </c>
      <c r="I79" s="3">
        <v>2020</v>
      </c>
      <c r="J79" s="2" t="s">
        <v>38</v>
      </c>
      <c r="K79" s="2"/>
      <c r="L79" s="2" t="s">
        <v>321</v>
      </c>
    </row>
    <row r="80" spans="1:12" ht="15.2" customHeight="1">
      <c r="A80" s="2" t="s">
        <v>260</v>
      </c>
      <c r="B80" s="2" t="s">
        <v>100</v>
      </c>
      <c r="C80" s="2"/>
      <c r="D80" s="2" t="s">
        <v>322</v>
      </c>
      <c r="E80" s="2" t="s">
        <v>319</v>
      </c>
      <c r="F80" s="2" t="s">
        <v>323</v>
      </c>
      <c r="G80" s="3">
        <v>1</v>
      </c>
      <c r="H80" s="2" t="s">
        <v>37</v>
      </c>
      <c r="I80" s="3">
        <v>2020</v>
      </c>
      <c r="J80" s="2" t="s">
        <v>38</v>
      </c>
      <c r="K80" s="2"/>
      <c r="L80" s="2" t="s">
        <v>324</v>
      </c>
    </row>
    <row r="81" spans="1:12" ht="15.2" customHeight="1">
      <c r="A81" s="2" t="s">
        <v>260</v>
      </c>
      <c r="B81" s="2" t="s">
        <v>105</v>
      </c>
      <c r="C81" s="2" t="s">
        <v>325</v>
      </c>
      <c r="D81" s="2" t="s">
        <v>326</v>
      </c>
      <c r="E81" s="2" t="s">
        <v>327</v>
      </c>
      <c r="F81" s="2" t="s">
        <v>328</v>
      </c>
      <c r="G81" s="3">
        <v>9</v>
      </c>
      <c r="H81" s="2" t="s">
        <v>55</v>
      </c>
      <c r="I81" s="3">
        <v>2015</v>
      </c>
      <c r="J81" s="2" t="s">
        <v>19</v>
      </c>
      <c r="K81" s="2"/>
      <c r="L81" s="2" t="s">
        <v>329</v>
      </c>
    </row>
    <row r="82" spans="1:12" ht="15.2" customHeight="1">
      <c r="A82" s="2" t="s">
        <v>260</v>
      </c>
      <c r="B82" s="2" t="s">
        <v>111</v>
      </c>
      <c r="C82" s="2" t="s">
        <v>330</v>
      </c>
      <c r="D82" s="2" t="s">
        <v>331</v>
      </c>
      <c r="E82" s="2" t="s">
        <v>327</v>
      </c>
      <c r="F82" s="2" t="s">
        <v>332</v>
      </c>
      <c r="G82" s="3">
        <v>4</v>
      </c>
      <c r="H82" s="2" t="s">
        <v>55</v>
      </c>
      <c r="I82" s="3">
        <v>2015</v>
      </c>
      <c r="J82" s="2" t="s">
        <v>19</v>
      </c>
      <c r="K82" s="2"/>
      <c r="L82" s="2" t="s">
        <v>333</v>
      </c>
    </row>
    <row r="83" spans="1:12" ht="15.2" customHeight="1">
      <c r="A83" s="2" t="s">
        <v>260</v>
      </c>
      <c r="B83" s="2" t="s">
        <v>116</v>
      </c>
      <c r="C83" s="2"/>
      <c r="D83" s="2" t="s">
        <v>334</v>
      </c>
      <c r="E83" s="2" t="s">
        <v>226</v>
      </c>
      <c r="F83" s="2" t="s">
        <v>335</v>
      </c>
      <c r="G83" s="3">
        <v>10</v>
      </c>
      <c r="H83" s="2" t="s">
        <v>37</v>
      </c>
      <c r="I83" s="3">
        <v>2020</v>
      </c>
      <c r="J83" s="2" t="s">
        <v>38</v>
      </c>
      <c r="K83" s="2"/>
      <c r="L83" s="2" t="s">
        <v>336</v>
      </c>
    </row>
    <row r="84" spans="1:12" ht="15.2" customHeight="1">
      <c r="A84" s="2" t="s">
        <v>260</v>
      </c>
      <c r="B84" s="2" t="s">
        <v>123</v>
      </c>
      <c r="C84" s="2"/>
      <c r="D84" s="2" t="s">
        <v>337</v>
      </c>
      <c r="E84" s="2" t="s">
        <v>226</v>
      </c>
      <c r="F84" s="2" t="s">
        <v>338</v>
      </c>
      <c r="G84" s="3">
        <v>11</v>
      </c>
      <c r="H84" s="2" t="s">
        <v>37</v>
      </c>
      <c r="I84" s="3">
        <v>2020</v>
      </c>
      <c r="J84" s="2" t="s">
        <v>38</v>
      </c>
      <c r="K84" s="2"/>
      <c r="L84" s="2" t="s">
        <v>339</v>
      </c>
    </row>
    <row r="85" spans="1:12" ht="15.2" customHeight="1">
      <c r="A85" s="2" t="s">
        <v>260</v>
      </c>
      <c r="B85" s="2" t="s">
        <v>128</v>
      </c>
      <c r="C85" s="2" t="s">
        <v>340</v>
      </c>
      <c r="D85" s="2" t="s">
        <v>341</v>
      </c>
      <c r="E85" s="2" t="s">
        <v>226</v>
      </c>
      <c r="F85" s="2" t="s">
        <v>342</v>
      </c>
      <c r="G85" s="3">
        <v>11</v>
      </c>
      <c r="H85" s="2" t="s">
        <v>37</v>
      </c>
      <c r="I85" s="3">
        <v>2019</v>
      </c>
      <c r="J85" s="2" t="s">
        <v>38</v>
      </c>
      <c r="K85" s="2"/>
      <c r="L85" s="2" t="s">
        <v>343</v>
      </c>
    </row>
    <row r="86" spans="1:12" ht="15.2" customHeight="1">
      <c r="A86" s="2" t="s">
        <v>260</v>
      </c>
      <c r="B86" s="2" t="s">
        <v>133</v>
      </c>
      <c r="C86" s="2" t="s">
        <v>344</v>
      </c>
      <c r="D86" s="2" t="s">
        <v>345</v>
      </c>
      <c r="E86" s="2" t="s">
        <v>226</v>
      </c>
      <c r="F86" s="2" t="s">
        <v>346</v>
      </c>
      <c r="G86" s="3">
        <v>12</v>
      </c>
      <c r="H86" s="2" t="s">
        <v>37</v>
      </c>
      <c r="I86" s="3">
        <v>2019</v>
      </c>
      <c r="J86" s="2" t="s">
        <v>38</v>
      </c>
      <c r="K86" s="2"/>
      <c r="L86" s="2" t="s">
        <v>347</v>
      </c>
    </row>
    <row r="87" spans="1:12" ht="15.2" customHeight="1">
      <c r="A87" s="2" t="s">
        <v>260</v>
      </c>
      <c r="B87" s="2" t="s">
        <v>139</v>
      </c>
      <c r="C87" s="2"/>
      <c r="D87" s="2" t="s">
        <v>225</v>
      </c>
      <c r="E87" s="2" t="s">
        <v>226</v>
      </c>
      <c r="F87" s="2" t="s">
        <v>227</v>
      </c>
      <c r="G87" s="3">
        <v>8</v>
      </c>
      <c r="H87" s="2" t="s">
        <v>37</v>
      </c>
      <c r="I87" s="3">
        <v>2020</v>
      </c>
      <c r="J87" s="2" t="s">
        <v>38</v>
      </c>
      <c r="K87" s="2"/>
      <c r="L87" s="2" t="s">
        <v>228</v>
      </c>
    </row>
    <row r="88" spans="1:12" ht="15.2" customHeight="1">
      <c r="A88" s="2" t="s">
        <v>260</v>
      </c>
      <c r="B88" s="2" t="s">
        <v>144</v>
      </c>
      <c r="C88" s="2"/>
      <c r="D88" s="2" t="s">
        <v>229</v>
      </c>
      <c r="E88" s="2" t="s">
        <v>226</v>
      </c>
      <c r="F88" s="2" t="s">
        <v>230</v>
      </c>
      <c r="G88" s="3">
        <v>9</v>
      </c>
      <c r="H88" s="2" t="s">
        <v>37</v>
      </c>
      <c r="I88" s="3">
        <v>2020</v>
      </c>
      <c r="J88" s="2" t="s">
        <v>38</v>
      </c>
      <c r="K88" s="2"/>
      <c r="L88" s="2" t="s">
        <v>231</v>
      </c>
    </row>
    <row r="89" spans="1:12" ht="15.2" customHeight="1">
      <c r="A89" s="2" t="s">
        <v>260</v>
      </c>
      <c r="B89" s="2" t="s">
        <v>149</v>
      </c>
      <c r="C89" s="2" t="s">
        <v>232</v>
      </c>
      <c r="D89" s="2" t="s">
        <v>233</v>
      </c>
      <c r="E89" s="2" t="s">
        <v>226</v>
      </c>
      <c r="F89" s="2" t="s">
        <v>234</v>
      </c>
      <c r="G89" s="3">
        <v>9</v>
      </c>
      <c r="H89" s="2" t="s">
        <v>37</v>
      </c>
      <c r="I89" s="3">
        <v>2019</v>
      </c>
      <c r="J89" s="2" t="s">
        <v>38</v>
      </c>
      <c r="K89" s="2"/>
      <c r="L89" s="2" t="s">
        <v>235</v>
      </c>
    </row>
    <row r="90" spans="1:12" ht="15.2" customHeight="1">
      <c r="A90" s="2" t="s">
        <v>260</v>
      </c>
      <c r="B90" s="2" t="s">
        <v>154</v>
      </c>
      <c r="C90" s="2" t="s">
        <v>236</v>
      </c>
      <c r="D90" s="2" t="s">
        <v>237</v>
      </c>
      <c r="E90" s="2" t="s">
        <v>226</v>
      </c>
      <c r="F90" s="2" t="s">
        <v>238</v>
      </c>
      <c r="G90" s="3">
        <v>10</v>
      </c>
      <c r="H90" s="2" t="s">
        <v>37</v>
      </c>
      <c r="I90" s="3">
        <v>2019</v>
      </c>
      <c r="J90" s="2" t="s">
        <v>38</v>
      </c>
      <c r="K90" s="2"/>
      <c r="L90" s="2" t="s">
        <v>239</v>
      </c>
    </row>
    <row r="91" spans="1:12" ht="15.2" customHeight="1">
      <c r="A91" s="2" t="s">
        <v>260</v>
      </c>
      <c r="B91" s="2" t="s">
        <v>159</v>
      </c>
      <c r="C91" s="2" t="s">
        <v>264</v>
      </c>
      <c r="D91" s="2" t="s">
        <v>265</v>
      </c>
      <c r="E91" s="2" t="s">
        <v>266</v>
      </c>
      <c r="F91" s="2" t="s">
        <v>267</v>
      </c>
      <c r="G91" s="3">
        <v>11</v>
      </c>
      <c r="H91" s="2" t="s">
        <v>18</v>
      </c>
      <c r="I91" s="3">
        <v>2013</v>
      </c>
      <c r="J91" s="2" t="s">
        <v>38</v>
      </c>
      <c r="K91" s="2"/>
      <c r="L91" s="2" t="s">
        <v>268</v>
      </c>
    </row>
    <row r="92" spans="1:12" ht="15.2" customHeight="1">
      <c r="A92" s="2" t="s">
        <v>260</v>
      </c>
      <c r="B92" s="2" t="s">
        <v>160</v>
      </c>
      <c r="C92" s="2" t="s">
        <v>269</v>
      </c>
      <c r="D92" s="2" t="s">
        <v>270</v>
      </c>
      <c r="E92" s="2" t="s">
        <v>266</v>
      </c>
      <c r="F92" s="2" t="s">
        <v>271</v>
      </c>
      <c r="G92" s="3">
        <v>12</v>
      </c>
      <c r="H92" s="2" t="s">
        <v>18</v>
      </c>
      <c r="I92" s="3">
        <v>2013</v>
      </c>
      <c r="J92" s="2" t="s">
        <v>38</v>
      </c>
      <c r="K92" s="2"/>
      <c r="L92" s="2" t="s">
        <v>272</v>
      </c>
    </row>
    <row r="93" spans="1:12" ht="15.2" customHeight="1">
      <c r="A93" s="2" t="s">
        <v>260</v>
      </c>
      <c r="B93" s="2" t="s">
        <v>161</v>
      </c>
      <c r="C93" s="2" t="s">
        <v>281</v>
      </c>
      <c r="D93" s="2" t="s">
        <v>282</v>
      </c>
      <c r="E93" s="2" t="s">
        <v>283</v>
      </c>
      <c r="F93" s="2" t="s">
        <v>284</v>
      </c>
      <c r="G93" s="3">
        <v>49</v>
      </c>
      <c r="H93" s="2" t="s">
        <v>248</v>
      </c>
      <c r="I93" s="3">
        <v>2012</v>
      </c>
      <c r="J93" s="2" t="s">
        <v>38</v>
      </c>
      <c r="K93" s="2"/>
      <c r="L93" s="2" t="s">
        <v>285</v>
      </c>
    </row>
    <row r="94" spans="1:12" ht="15.2" customHeight="1">
      <c r="A94" s="2" t="s">
        <v>260</v>
      </c>
      <c r="B94" s="2" t="s">
        <v>167</v>
      </c>
      <c r="C94" s="2" t="s">
        <v>286</v>
      </c>
      <c r="D94" s="2" t="s">
        <v>287</v>
      </c>
      <c r="E94" s="2" t="s">
        <v>283</v>
      </c>
      <c r="F94" s="2" t="s">
        <v>288</v>
      </c>
      <c r="G94" s="3">
        <v>1</v>
      </c>
      <c r="H94" s="2" t="s">
        <v>55</v>
      </c>
      <c r="I94" s="3">
        <v>2018</v>
      </c>
      <c r="J94" s="2" t="s">
        <v>289</v>
      </c>
      <c r="K94" s="2"/>
      <c r="L94" s="2" t="s">
        <v>290</v>
      </c>
    </row>
    <row r="95" spans="1:12" ht="15.2" customHeight="1">
      <c r="A95" s="2" t="s">
        <v>260</v>
      </c>
      <c r="B95" s="2" t="s">
        <v>172</v>
      </c>
      <c r="C95" s="2" t="s">
        <v>291</v>
      </c>
      <c r="D95" s="2" t="s">
        <v>292</v>
      </c>
      <c r="E95" s="2" t="s">
        <v>293</v>
      </c>
      <c r="F95" s="2" t="s">
        <v>294</v>
      </c>
      <c r="G95" s="3">
        <v>1</v>
      </c>
      <c r="H95" s="2" t="s">
        <v>55</v>
      </c>
      <c r="I95" s="3">
        <v>2012</v>
      </c>
      <c r="J95" s="2" t="s">
        <v>19</v>
      </c>
      <c r="K95" s="2"/>
      <c r="L95" s="2" t="s">
        <v>295</v>
      </c>
    </row>
    <row r="96" spans="1:12" ht="15.2" customHeight="1">
      <c r="A96" s="2" t="s">
        <v>348</v>
      </c>
      <c r="B96" s="2" t="s">
        <v>14</v>
      </c>
      <c r="C96" s="2" t="s">
        <v>349</v>
      </c>
      <c r="D96" s="2" t="s">
        <v>16</v>
      </c>
      <c r="E96" s="2" t="s">
        <v>16</v>
      </c>
      <c r="F96" s="2" t="s">
        <v>350</v>
      </c>
      <c r="G96" s="3">
        <v>5</v>
      </c>
      <c r="H96" s="2" t="s">
        <v>18</v>
      </c>
      <c r="I96" s="3">
        <v>2013</v>
      </c>
      <c r="J96" s="2" t="s">
        <v>19</v>
      </c>
      <c r="K96" s="2"/>
      <c r="L96" s="2" t="s">
        <v>351</v>
      </c>
    </row>
    <row r="97" spans="1:12" ht="15.2" customHeight="1">
      <c r="A97" s="2" t="s">
        <v>348</v>
      </c>
      <c r="B97" s="2" t="s">
        <v>21</v>
      </c>
      <c r="C97" s="2" t="s">
        <v>352</v>
      </c>
      <c r="D97" s="2" t="s">
        <v>353</v>
      </c>
      <c r="E97" s="2" t="s">
        <v>266</v>
      </c>
      <c r="F97" s="2" t="s">
        <v>354</v>
      </c>
      <c r="G97" s="3">
        <v>13</v>
      </c>
      <c r="H97" s="2" t="s">
        <v>18</v>
      </c>
      <c r="I97" s="3">
        <v>2013</v>
      </c>
      <c r="J97" s="2" t="s">
        <v>38</v>
      </c>
      <c r="K97" s="2"/>
      <c r="L97" s="2" t="s">
        <v>355</v>
      </c>
    </row>
    <row r="98" spans="1:12" ht="15.2" customHeight="1">
      <c r="A98" s="2" t="s">
        <v>348</v>
      </c>
      <c r="B98" s="2" t="s">
        <v>28</v>
      </c>
      <c r="C98" s="2" t="s">
        <v>356</v>
      </c>
      <c r="D98" s="2" t="s">
        <v>357</v>
      </c>
      <c r="E98" s="2" t="s">
        <v>266</v>
      </c>
      <c r="F98" s="2" t="s">
        <v>358</v>
      </c>
      <c r="G98" s="3">
        <v>14</v>
      </c>
      <c r="H98" s="2" t="s">
        <v>18</v>
      </c>
      <c r="I98" s="3">
        <v>2013</v>
      </c>
      <c r="J98" s="2" t="s">
        <v>38</v>
      </c>
      <c r="K98" s="2"/>
      <c r="L98" s="2" t="s">
        <v>359</v>
      </c>
    </row>
    <row r="99" spans="1:12" ht="15.2" customHeight="1">
      <c r="A99" s="2" t="s">
        <v>348</v>
      </c>
      <c r="B99" s="2" t="s">
        <v>33</v>
      </c>
      <c r="C99" s="2" t="s">
        <v>360</v>
      </c>
      <c r="D99" s="2" t="s">
        <v>361</v>
      </c>
      <c r="E99" s="2" t="s">
        <v>136</v>
      </c>
      <c r="F99" s="2" t="s">
        <v>362</v>
      </c>
      <c r="G99" s="3">
        <v>3</v>
      </c>
      <c r="H99" s="2" t="s">
        <v>55</v>
      </c>
      <c r="I99" s="3">
        <v>2017</v>
      </c>
      <c r="J99" s="2" t="s">
        <v>121</v>
      </c>
      <c r="K99" s="2"/>
      <c r="L99" s="2" t="s">
        <v>363</v>
      </c>
    </row>
    <row r="100" spans="1:12" ht="15.2" customHeight="1">
      <c r="A100" s="2" t="s">
        <v>348</v>
      </c>
      <c r="B100" s="2" t="s">
        <v>40</v>
      </c>
      <c r="C100" s="2" t="s">
        <v>364</v>
      </c>
      <c r="D100" s="2" t="s">
        <v>365</v>
      </c>
      <c r="E100" s="2" t="s">
        <v>136</v>
      </c>
      <c r="F100" s="2" t="s">
        <v>366</v>
      </c>
      <c r="G100" s="3">
        <v>8</v>
      </c>
      <c r="H100" s="2" t="s">
        <v>55</v>
      </c>
      <c r="I100" s="3">
        <v>2006</v>
      </c>
      <c r="J100" s="2" t="s">
        <v>121</v>
      </c>
      <c r="K100" s="2"/>
      <c r="L100" s="2" t="s">
        <v>280</v>
      </c>
    </row>
    <row r="101" spans="1:12" ht="15.2" customHeight="1">
      <c r="A101" s="2" t="s">
        <v>348</v>
      </c>
      <c r="B101" s="2" t="s">
        <v>44</v>
      </c>
      <c r="C101" s="2" t="s">
        <v>367</v>
      </c>
      <c r="D101" s="2" t="s">
        <v>368</v>
      </c>
      <c r="E101" s="2" t="s">
        <v>283</v>
      </c>
      <c r="F101" s="2" t="s">
        <v>369</v>
      </c>
      <c r="G101" s="3">
        <v>71</v>
      </c>
      <c r="H101" s="2" t="s">
        <v>248</v>
      </c>
      <c r="I101" s="3">
        <v>2012</v>
      </c>
      <c r="J101" s="2" t="s">
        <v>38</v>
      </c>
      <c r="K101" s="2"/>
      <c r="L101" s="2" t="s">
        <v>370</v>
      </c>
    </row>
    <row r="102" spans="1:12" ht="15.2" customHeight="1">
      <c r="A102" s="2" t="s">
        <v>348</v>
      </c>
      <c r="B102" s="2" t="s">
        <v>50</v>
      </c>
      <c r="C102" s="2" t="s">
        <v>371</v>
      </c>
      <c r="D102" s="2" t="s">
        <v>372</v>
      </c>
      <c r="E102" s="2" t="s">
        <v>372</v>
      </c>
      <c r="F102" s="2" t="s">
        <v>373</v>
      </c>
      <c r="G102" s="3">
        <v>1</v>
      </c>
      <c r="H102" s="2" t="s">
        <v>55</v>
      </c>
      <c r="I102" s="3">
        <v>2018</v>
      </c>
      <c r="J102" s="2" t="s">
        <v>374</v>
      </c>
      <c r="K102" s="2"/>
      <c r="L102" s="2" t="s">
        <v>375</v>
      </c>
    </row>
    <row r="103" spans="1:12" ht="15.2" customHeight="1">
      <c r="A103" s="2" t="s">
        <v>348</v>
      </c>
      <c r="B103" s="2" t="s">
        <v>57</v>
      </c>
      <c r="C103" s="2" t="s">
        <v>376</v>
      </c>
      <c r="D103" s="2" t="s">
        <v>377</v>
      </c>
      <c r="E103" s="2" t="s">
        <v>293</v>
      </c>
      <c r="F103" s="2" t="s">
        <v>378</v>
      </c>
      <c r="G103" s="3">
        <v>2</v>
      </c>
      <c r="H103" s="2" t="s">
        <v>55</v>
      </c>
      <c r="I103" s="3">
        <v>2012</v>
      </c>
      <c r="J103" s="2" t="s">
        <v>19</v>
      </c>
      <c r="K103" s="2"/>
      <c r="L103" s="2" t="s">
        <v>379</v>
      </c>
    </row>
    <row r="104" spans="1:12" ht="15.2" customHeight="1">
      <c r="A104" s="2" t="s">
        <v>348</v>
      </c>
      <c r="B104" s="2" t="s">
        <v>62</v>
      </c>
      <c r="C104" s="2" t="s">
        <v>380</v>
      </c>
      <c r="D104" s="2" t="s">
        <v>381</v>
      </c>
      <c r="E104" s="2" t="s">
        <v>293</v>
      </c>
      <c r="F104" s="2" t="s">
        <v>382</v>
      </c>
      <c r="G104" s="3">
        <v>7</v>
      </c>
      <c r="H104" s="2" t="s">
        <v>55</v>
      </c>
      <c r="I104" s="3">
        <v>2013</v>
      </c>
      <c r="J104" s="2" t="s">
        <v>19</v>
      </c>
      <c r="K104" s="2"/>
      <c r="L104" s="2" t="s">
        <v>383</v>
      </c>
    </row>
    <row r="105" spans="1:12" ht="15.2" customHeight="1">
      <c r="A105" s="2" t="s">
        <v>348</v>
      </c>
      <c r="B105" s="2" t="s">
        <v>67</v>
      </c>
      <c r="C105" s="2" t="s">
        <v>384</v>
      </c>
      <c r="D105" s="2" t="s">
        <v>385</v>
      </c>
      <c r="E105" s="2" t="s">
        <v>386</v>
      </c>
      <c r="F105" s="2" t="s">
        <v>387</v>
      </c>
      <c r="G105" s="3">
        <v>1</v>
      </c>
      <c r="H105" s="2" t="s">
        <v>55</v>
      </c>
      <c r="I105" s="3">
        <v>2016</v>
      </c>
      <c r="J105" s="2" t="s">
        <v>388</v>
      </c>
      <c r="K105" s="2" t="s">
        <v>389</v>
      </c>
      <c r="L105" s="2" t="s">
        <v>390</v>
      </c>
    </row>
    <row r="106" spans="1:12" ht="15.2" customHeight="1">
      <c r="A106" s="2" t="s">
        <v>348</v>
      </c>
      <c r="B106" s="2" t="s">
        <v>72</v>
      </c>
      <c r="C106" s="2" t="s">
        <v>391</v>
      </c>
      <c r="D106" s="2" t="s">
        <v>392</v>
      </c>
      <c r="E106" s="2" t="s">
        <v>386</v>
      </c>
      <c r="F106" s="2" t="s">
        <v>393</v>
      </c>
      <c r="G106" s="3">
        <v>2</v>
      </c>
      <c r="H106" s="2" t="s">
        <v>55</v>
      </c>
      <c r="I106" s="3">
        <v>2016</v>
      </c>
      <c r="J106" s="2" t="s">
        <v>388</v>
      </c>
      <c r="K106" s="2" t="s">
        <v>389</v>
      </c>
      <c r="L106" s="2" t="s">
        <v>394</v>
      </c>
    </row>
    <row r="107" spans="1:12" ht="15.2" customHeight="1">
      <c r="A107" s="2" t="s">
        <v>348</v>
      </c>
      <c r="B107" s="2" t="s">
        <v>78</v>
      </c>
      <c r="C107" s="2" t="s">
        <v>395</v>
      </c>
      <c r="D107" s="2" t="s">
        <v>396</v>
      </c>
      <c r="E107" s="2" t="s">
        <v>386</v>
      </c>
      <c r="F107" s="2" t="s">
        <v>397</v>
      </c>
      <c r="G107" s="3">
        <v>3</v>
      </c>
      <c r="H107" s="2" t="s">
        <v>55</v>
      </c>
      <c r="I107" s="3">
        <v>2016</v>
      </c>
      <c r="J107" s="2" t="s">
        <v>388</v>
      </c>
      <c r="K107" s="2" t="s">
        <v>389</v>
      </c>
      <c r="L107" s="2" t="s">
        <v>398</v>
      </c>
    </row>
    <row r="108" spans="1:12" ht="15.2" customHeight="1">
      <c r="A108" s="2" t="s">
        <v>348</v>
      </c>
      <c r="B108" s="2" t="s">
        <v>83</v>
      </c>
      <c r="C108" s="2" t="s">
        <v>399</v>
      </c>
      <c r="D108" s="2" t="s">
        <v>400</v>
      </c>
      <c r="E108" s="2" t="s">
        <v>386</v>
      </c>
      <c r="F108" s="2" t="s">
        <v>401</v>
      </c>
      <c r="G108" s="3">
        <v>4</v>
      </c>
      <c r="H108" s="2" t="s">
        <v>55</v>
      </c>
      <c r="I108" s="3">
        <v>2016</v>
      </c>
      <c r="J108" s="2" t="s">
        <v>388</v>
      </c>
      <c r="K108" s="2" t="s">
        <v>389</v>
      </c>
      <c r="L108" s="2" t="s">
        <v>402</v>
      </c>
    </row>
    <row r="109" spans="1:12" ht="15.2" customHeight="1">
      <c r="A109" s="2" t="s">
        <v>348</v>
      </c>
      <c r="B109" s="2" t="s">
        <v>88</v>
      </c>
      <c r="C109" s="2" t="s">
        <v>403</v>
      </c>
      <c r="D109" s="2" t="s">
        <v>404</v>
      </c>
      <c r="E109" s="2" t="s">
        <v>386</v>
      </c>
      <c r="F109" s="2" t="s">
        <v>405</v>
      </c>
      <c r="G109" s="3">
        <v>5</v>
      </c>
      <c r="H109" s="2" t="s">
        <v>55</v>
      </c>
      <c r="I109" s="3">
        <v>2016</v>
      </c>
      <c r="J109" s="2" t="s">
        <v>388</v>
      </c>
      <c r="K109" s="2" t="s">
        <v>389</v>
      </c>
      <c r="L109" s="2" t="s">
        <v>406</v>
      </c>
    </row>
    <row r="110" spans="1:12" ht="15.2" customHeight="1">
      <c r="A110" s="2" t="s">
        <v>348</v>
      </c>
      <c r="B110" s="2" t="s">
        <v>94</v>
      </c>
      <c r="C110" s="2"/>
      <c r="D110" s="2" t="s">
        <v>407</v>
      </c>
      <c r="E110" s="2" t="s">
        <v>319</v>
      </c>
      <c r="F110" s="2" t="s">
        <v>408</v>
      </c>
      <c r="G110" s="3">
        <v>7</v>
      </c>
      <c r="H110" s="2" t="s">
        <v>37</v>
      </c>
      <c r="I110" s="3">
        <v>2020</v>
      </c>
      <c r="J110" s="2" t="s">
        <v>38</v>
      </c>
      <c r="K110" s="2"/>
      <c r="L110" s="2" t="s">
        <v>409</v>
      </c>
    </row>
    <row r="111" spans="1:12" ht="15.2" customHeight="1">
      <c r="A111" s="2" t="s">
        <v>348</v>
      </c>
      <c r="B111" s="2" t="s">
        <v>100</v>
      </c>
      <c r="C111" s="2"/>
      <c r="D111" s="2" t="s">
        <v>410</v>
      </c>
      <c r="E111" s="2" t="s">
        <v>319</v>
      </c>
      <c r="F111" s="2" t="s">
        <v>411</v>
      </c>
      <c r="G111" s="3">
        <v>2</v>
      </c>
      <c r="H111" s="2" t="s">
        <v>37</v>
      </c>
      <c r="I111" s="3">
        <v>2020</v>
      </c>
      <c r="J111" s="2" t="s">
        <v>38</v>
      </c>
      <c r="K111" s="2"/>
      <c r="L111" s="2" t="s">
        <v>412</v>
      </c>
    </row>
    <row r="112" spans="1:12" ht="15.2" customHeight="1">
      <c r="A112" s="2" t="s">
        <v>348</v>
      </c>
      <c r="B112" s="2" t="s">
        <v>105</v>
      </c>
      <c r="C112" s="2" t="s">
        <v>413</v>
      </c>
      <c r="D112" s="2" t="s">
        <v>414</v>
      </c>
      <c r="E112" s="2" t="s">
        <v>327</v>
      </c>
      <c r="F112" s="2" t="s">
        <v>415</v>
      </c>
      <c r="G112" s="3">
        <v>10</v>
      </c>
      <c r="H112" s="2" t="s">
        <v>55</v>
      </c>
      <c r="I112" s="3">
        <v>2015</v>
      </c>
      <c r="J112" s="2" t="s">
        <v>19</v>
      </c>
      <c r="K112" s="2"/>
      <c r="L112" s="2" t="s">
        <v>416</v>
      </c>
    </row>
    <row r="113" spans="1:12" ht="15.2" customHeight="1">
      <c r="A113" s="2" t="s">
        <v>348</v>
      </c>
      <c r="B113" s="2" t="s">
        <v>111</v>
      </c>
      <c r="C113" s="2" t="s">
        <v>417</v>
      </c>
      <c r="D113" s="2" t="s">
        <v>418</v>
      </c>
      <c r="E113" s="2" t="s">
        <v>327</v>
      </c>
      <c r="F113" s="2" t="s">
        <v>419</v>
      </c>
      <c r="G113" s="3">
        <v>5</v>
      </c>
      <c r="H113" s="2" t="s">
        <v>55</v>
      </c>
      <c r="I113" s="3">
        <v>2015</v>
      </c>
      <c r="J113" s="2" t="s">
        <v>19</v>
      </c>
      <c r="K113" s="2"/>
      <c r="L113" s="2" t="s">
        <v>420</v>
      </c>
    </row>
    <row r="114" spans="1:12" ht="15.2" customHeight="1">
      <c r="A114" s="2" t="s">
        <v>348</v>
      </c>
      <c r="B114" s="2" t="s">
        <v>116</v>
      </c>
      <c r="C114" s="2" t="s">
        <v>421</v>
      </c>
      <c r="D114" s="2" t="s">
        <v>422</v>
      </c>
      <c r="E114" s="2" t="s">
        <v>75</v>
      </c>
      <c r="F114" s="2" t="s">
        <v>423</v>
      </c>
      <c r="G114" s="3">
        <v>5</v>
      </c>
      <c r="H114" s="2" t="s">
        <v>55</v>
      </c>
      <c r="I114" s="3">
        <v>2012</v>
      </c>
      <c r="J114" s="2" t="s">
        <v>38</v>
      </c>
      <c r="K114" s="2"/>
      <c r="L114" s="2" t="s">
        <v>725</v>
      </c>
    </row>
    <row r="115" spans="1:12" ht="15.2" customHeight="1">
      <c r="A115" s="2" t="s">
        <v>348</v>
      </c>
      <c r="B115" s="2" t="s">
        <v>123</v>
      </c>
      <c r="C115" s="2" t="s">
        <v>424</v>
      </c>
      <c r="D115" s="2" t="s">
        <v>425</v>
      </c>
      <c r="E115" s="2" t="s">
        <v>426</v>
      </c>
      <c r="F115" s="2" t="s">
        <v>427</v>
      </c>
      <c r="G115" s="3">
        <v>5</v>
      </c>
      <c r="H115" s="2" t="s">
        <v>37</v>
      </c>
      <c r="I115" s="3">
        <v>2019</v>
      </c>
      <c r="J115" s="2" t="s">
        <v>38</v>
      </c>
      <c r="K115" s="2"/>
      <c r="L115" s="2" t="s">
        <v>428</v>
      </c>
    </row>
    <row r="116" spans="1:12" ht="15.2" customHeight="1">
      <c r="A116" s="2" t="s">
        <v>348</v>
      </c>
      <c r="B116" s="2" t="s">
        <v>128</v>
      </c>
      <c r="C116" s="2" t="s">
        <v>429</v>
      </c>
      <c r="D116" s="2" t="s">
        <v>430</v>
      </c>
      <c r="E116" s="2" t="s">
        <v>426</v>
      </c>
      <c r="F116" s="2" t="s">
        <v>431</v>
      </c>
      <c r="G116" s="3">
        <v>6</v>
      </c>
      <c r="H116" s="2" t="s">
        <v>37</v>
      </c>
      <c r="I116" s="3">
        <v>2019</v>
      </c>
      <c r="J116" s="2" t="s">
        <v>38</v>
      </c>
      <c r="K116" s="2"/>
      <c r="L116" s="2" t="s">
        <v>432</v>
      </c>
    </row>
    <row r="117" spans="1:12" ht="15.2" customHeight="1">
      <c r="A117" s="2" t="s">
        <v>348</v>
      </c>
      <c r="B117" s="2" t="s">
        <v>133</v>
      </c>
      <c r="C117" s="2"/>
      <c r="D117" s="2" t="s">
        <v>433</v>
      </c>
      <c r="E117" s="2" t="s">
        <v>90</v>
      </c>
      <c r="F117" s="2" t="s">
        <v>434</v>
      </c>
      <c r="G117" s="3">
        <v>7</v>
      </c>
      <c r="H117" s="2" t="s">
        <v>55</v>
      </c>
      <c r="I117" s="3">
        <v>2019</v>
      </c>
      <c r="J117" s="2" t="s">
        <v>92</v>
      </c>
      <c r="K117" s="2"/>
      <c r="L117" s="2" t="s">
        <v>435</v>
      </c>
    </row>
    <row r="118" spans="1:12" ht="15.2" customHeight="1">
      <c r="A118" s="2" t="s">
        <v>348</v>
      </c>
      <c r="B118" s="2" t="s">
        <v>139</v>
      </c>
      <c r="C118" s="2" t="s">
        <v>73</v>
      </c>
      <c r="D118" s="2" t="s">
        <v>74</v>
      </c>
      <c r="E118" s="2" t="s">
        <v>75</v>
      </c>
      <c r="F118" s="2" t="s">
        <v>76</v>
      </c>
      <c r="G118" s="3">
        <v>2</v>
      </c>
      <c r="H118" s="2" t="s">
        <v>55</v>
      </c>
      <c r="I118" s="3">
        <v>2012</v>
      </c>
      <c r="J118" s="2" t="s">
        <v>38</v>
      </c>
      <c r="K118" s="2"/>
      <c r="L118" s="2" t="s">
        <v>77</v>
      </c>
    </row>
    <row r="119" spans="1:12" ht="15.2" customHeight="1">
      <c r="A119" s="2" t="s">
        <v>348</v>
      </c>
      <c r="B119" s="2" t="s">
        <v>144</v>
      </c>
      <c r="C119" s="2" t="s">
        <v>79</v>
      </c>
      <c r="D119" s="2" t="s">
        <v>80</v>
      </c>
      <c r="E119" s="2" t="s">
        <v>75</v>
      </c>
      <c r="F119" s="2" t="s">
        <v>81</v>
      </c>
      <c r="G119" s="3">
        <v>3</v>
      </c>
      <c r="H119" s="2" t="s">
        <v>55</v>
      </c>
      <c r="I119" s="3">
        <v>2012</v>
      </c>
      <c r="J119" s="2" t="s">
        <v>38</v>
      </c>
      <c r="K119" s="2"/>
      <c r="L119" s="2" t="s">
        <v>82</v>
      </c>
    </row>
    <row r="120" spans="1:12" ht="15.2" customHeight="1">
      <c r="A120" s="2" t="s">
        <v>348</v>
      </c>
      <c r="B120" s="2" t="s">
        <v>149</v>
      </c>
      <c r="C120" s="2" t="s">
        <v>84</v>
      </c>
      <c r="D120" s="2" t="s">
        <v>85</v>
      </c>
      <c r="E120" s="2" t="s">
        <v>75</v>
      </c>
      <c r="F120" s="2" t="s">
        <v>86</v>
      </c>
      <c r="G120" s="3">
        <v>4</v>
      </c>
      <c r="H120" s="2" t="s">
        <v>55</v>
      </c>
      <c r="I120" s="3">
        <v>2012</v>
      </c>
      <c r="J120" s="2" t="s">
        <v>38</v>
      </c>
      <c r="K120" s="2"/>
      <c r="L120" s="2" t="s">
        <v>87</v>
      </c>
    </row>
    <row r="121" spans="1:12" ht="15.2" customHeight="1">
      <c r="A121" s="2" t="s">
        <v>348</v>
      </c>
      <c r="B121" s="2" t="s">
        <v>154</v>
      </c>
      <c r="C121" s="2"/>
      <c r="D121" s="2" t="s">
        <v>89</v>
      </c>
      <c r="E121" s="2" t="s">
        <v>90</v>
      </c>
      <c r="F121" s="2" t="s">
        <v>91</v>
      </c>
      <c r="G121" s="3">
        <v>4</v>
      </c>
      <c r="H121" s="2" t="s">
        <v>55</v>
      </c>
      <c r="I121" s="3">
        <v>2019</v>
      </c>
      <c r="J121" s="2" t="s">
        <v>92</v>
      </c>
      <c r="K121" s="2"/>
      <c r="L121" s="2" t="s">
        <v>93</v>
      </c>
    </row>
    <row r="122" spans="1:12" ht="15.2" customHeight="1">
      <c r="A122" s="2" t="s">
        <v>348</v>
      </c>
      <c r="B122" s="2" t="s">
        <v>159</v>
      </c>
      <c r="C122" s="2" t="s">
        <v>352</v>
      </c>
      <c r="D122" s="2" t="s">
        <v>353</v>
      </c>
      <c r="E122" s="2" t="s">
        <v>266</v>
      </c>
      <c r="F122" s="2" t="s">
        <v>354</v>
      </c>
      <c r="G122" s="3">
        <v>13</v>
      </c>
      <c r="H122" s="2" t="s">
        <v>18</v>
      </c>
      <c r="I122" s="3">
        <v>2013</v>
      </c>
      <c r="J122" s="2" t="s">
        <v>38</v>
      </c>
      <c r="K122" s="2"/>
      <c r="L122" s="2" t="s">
        <v>355</v>
      </c>
    </row>
    <row r="123" spans="1:12" ht="15.2" customHeight="1">
      <c r="A123" s="2" t="s">
        <v>348</v>
      </c>
      <c r="B123" s="2" t="s">
        <v>160</v>
      </c>
      <c r="C123" s="2" t="s">
        <v>356</v>
      </c>
      <c r="D123" s="2" t="s">
        <v>357</v>
      </c>
      <c r="E123" s="2" t="s">
        <v>266</v>
      </c>
      <c r="F123" s="2" t="s">
        <v>358</v>
      </c>
      <c r="G123" s="3">
        <v>14</v>
      </c>
      <c r="H123" s="2" t="s">
        <v>18</v>
      </c>
      <c r="I123" s="3">
        <v>2013</v>
      </c>
      <c r="J123" s="2" t="s">
        <v>38</v>
      </c>
      <c r="K123" s="2"/>
      <c r="L123" s="2" t="s">
        <v>359</v>
      </c>
    </row>
    <row r="124" spans="1:12" ht="15.2" customHeight="1">
      <c r="A124" s="2" t="s">
        <v>348</v>
      </c>
      <c r="B124" s="2" t="s">
        <v>161</v>
      </c>
      <c r="C124" s="2" t="s">
        <v>367</v>
      </c>
      <c r="D124" s="2" t="s">
        <v>368</v>
      </c>
      <c r="E124" s="2" t="s">
        <v>283</v>
      </c>
      <c r="F124" s="2" t="s">
        <v>369</v>
      </c>
      <c r="G124" s="3">
        <v>71</v>
      </c>
      <c r="H124" s="2" t="s">
        <v>248</v>
      </c>
      <c r="I124" s="3">
        <v>2012</v>
      </c>
      <c r="J124" s="2" t="s">
        <v>38</v>
      </c>
      <c r="K124" s="2"/>
      <c r="L124" s="2" t="s">
        <v>370</v>
      </c>
    </row>
    <row r="125" spans="1:12" ht="15.2" customHeight="1">
      <c r="A125" s="2" t="s">
        <v>348</v>
      </c>
      <c r="B125" s="2" t="s">
        <v>167</v>
      </c>
      <c r="C125" s="2" t="s">
        <v>371</v>
      </c>
      <c r="D125" s="2" t="s">
        <v>372</v>
      </c>
      <c r="E125" s="2" t="s">
        <v>372</v>
      </c>
      <c r="F125" s="2" t="s">
        <v>373</v>
      </c>
      <c r="G125" s="3">
        <v>1</v>
      </c>
      <c r="H125" s="2" t="s">
        <v>55</v>
      </c>
      <c r="I125" s="3">
        <v>2018</v>
      </c>
      <c r="J125" s="2" t="s">
        <v>374</v>
      </c>
      <c r="K125" s="2"/>
      <c r="L125" s="2" t="s">
        <v>375</v>
      </c>
    </row>
    <row r="126" spans="1:12" ht="15.2" customHeight="1">
      <c r="A126" s="2" t="s">
        <v>348</v>
      </c>
      <c r="B126" s="2" t="s">
        <v>172</v>
      </c>
      <c r="C126" s="2" t="s">
        <v>376</v>
      </c>
      <c r="D126" s="2" t="s">
        <v>377</v>
      </c>
      <c r="E126" s="2" t="s">
        <v>293</v>
      </c>
      <c r="F126" s="2" t="s">
        <v>378</v>
      </c>
      <c r="G126" s="3">
        <v>2</v>
      </c>
      <c r="H126" s="2" t="s">
        <v>55</v>
      </c>
      <c r="I126" s="3">
        <v>2012</v>
      </c>
      <c r="J126" s="2" t="s">
        <v>19</v>
      </c>
      <c r="K126" s="2"/>
      <c r="L126" s="2" t="s">
        <v>379</v>
      </c>
    </row>
    <row r="127" spans="1:12" ht="15.2" customHeight="1">
      <c r="A127" s="2" t="s">
        <v>436</v>
      </c>
      <c r="B127" s="2" t="s">
        <v>14</v>
      </c>
      <c r="C127" s="2" t="s">
        <v>437</v>
      </c>
      <c r="D127" s="2" t="s">
        <v>16</v>
      </c>
      <c r="E127" s="2" t="s">
        <v>16</v>
      </c>
      <c r="F127" s="2" t="s">
        <v>438</v>
      </c>
      <c r="G127" s="3">
        <v>6</v>
      </c>
      <c r="H127" s="2" t="s">
        <v>18</v>
      </c>
      <c r="I127" s="3">
        <v>2013</v>
      </c>
      <c r="J127" s="2" t="s">
        <v>19</v>
      </c>
      <c r="K127" s="2"/>
      <c r="L127" s="2" t="s">
        <v>439</v>
      </c>
    </row>
    <row r="128" spans="1:12" ht="15.2" customHeight="1">
      <c r="A128" s="2" t="s">
        <v>436</v>
      </c>
      <c r="B128" s="2" t="s">
        <v>21</v>
      </c>
      <c r="C128" s="2" t="s">
        <v>440</v>
      </c>
      <c r="D128" s="2" t="s">
        <v>441</v>
      </c>
      <c r="E128" s="2" t="s">
        <v>266</v>
      </c>
      <c r="F128" s="2" t="s">
        <v>442</v>
      </c>
      <c r="G128" s="3">
        <v>15</v>
      </c>
      <c r="H128" s="2" t="s">
        <v>18</v>
      </c>
      <c r="I128" s="3">
        <v>2013</v>
      </c>
      <c r="J128" s="2" t="s">
        <v>38</v>
      </c>
      <c r="K128" s="2"/>
      <c r="L128" s="2" t="s">
        <v>443</v>
      </c>
    </row>
    <row r="129" spans="1:12" ht="15.2" customHeight="1">
      <c r="A129" s="2" t="s">
        <v>436</v>
      </c>
      <c r="B129" s="2" t="s">
        <v>28</v>
      </c>
      <c r="C129" s="2" t="s">
        <v>444</v>
      </c>
      <c r="D129" s="2" t="s">
        <v>445</v>
      </c>
      <c r="E129" s="2" t="s">
        <v>266</v>
      </c>
      <c r="F129" s="2" t="s">
        <v>446</v>
      </c>
      <c r="G129" s="3">
        <v>16</v>
      </c>
      <c r="H129" s="2" t="s">
        <v>18</v>
      </c>
      <c r="I129" s="3">
        <v>2013</v>
      </c>
      <c r="J129" s="2" t="s">
        <v>38</v>
      </c>
      <c r="K129" s="2"/>
      <c r="L129" s="2" t="s">
        <v>447</v>
      </c>
    </row>
    <row r="130" spans="1:12" ht="15.2" customHeight="1">
      <c r="A130" s="2" t="s">
        <v>436</v>
      </c>
      <c r="B130" s="2" t="s">
        <v>33</v>
      </c>
      <c r="C130" s="2" t="s">
        <v>448</v>
      </c>
      <c r="D130" s="2" t="s">
        <v>449</v>
      </c>
      <c r="E130" s="2" t="s">
        <v>136</v>
      </c>
      <c r="F130" s="2" t="s">
        <v>450</v>
      </c>
      <c r="G130" s="3">
        <v>4</v>
      </c>
      <c r="H130" s="2" t="s">
        <v>55</v>
      </c>
      <c r="I130" s="3">
        <v>2017</v>
      </c>
      <c r="J130" s="2" t="s">
        <v>121</v>
      </c>
      <c r="K130" s="2"/>
      <c r="L130" s="2" t="s">
        <v>451</v>
      </c>
    </row>
    <row r="131" spans="1:12" ht="15.2" customHeight="1">
      <c r="A131" s="2" t="s">
        <v>436</v>
      </c>
      <c r="B131" s="2" t="s">
        <v>40</v>
      </c>
      <c r="C131" s="2" t="s">
        <v>452</v>
      </c>
      <c r="D131" s="2" t="s">
        <v>453</v>
      </c>
      <c r="E131" s="2" t="s">
        <v>136</v>
      </c>
      <c r="F131" s="2" t="s">
        <v>454</v>
      </c>
      <c r="G131" s="3">
        <v>9</v>
      </c>
      <c r="H131" s="2" t="s">
        <v>55</v>
      </c>
      <c r="I131" s="3">
        <v>2006</v>
      </c>
      <c r="J131" s="2" t="s">
        <v>121</v>
      </c>
      <c r="K131" s="2"/>
      <c r="L131" s="2" t="s">
        <v>455</v>
      </c>
    </row>
    <row r="132" spans="1:12" ht="15.2" customHeight="1">
      <c r="A132" s="2" t="s">
        <v>436</v>
      </c>
      <c r="B132" s="2" t="s">
        <v>44</v>
      </c>
      <c r="C132" s="2" t="s">
        <v>456</v>
      </c>
      <c r="D132" s="2" t="s">
        <v>457</v>
      </c>
      <c r="E132" s="2" t="s">
        <v>458</v>
      </c>
      <c r="F132" s="2" t="s">
        <v>459</v>
      </c>
      <c r="G132" s="3">
        <v>1</v>
      </c>
      <c r="H132" s="2" t="s">
        <v>55</v>
      </c>
      <c r="I132" s="3">
        <v>2017</v>
      </c>
      <c r="J132" s="2" t="s">
        <v>19</v>
      </c>
      <c r="K132" s="2"/>
      <c r="L132" s="2" t="s">
        <v>460</v>
      </c>
    </row>
    <row r="133" spans="1:12" ht="15.2" customHeight="1">
      <c r="A133" s="2" t="s">
        <v>436</v>
      </c>
      <c r="B133" s="2" t="s">
        <v>50</v>
      </c>
      <c r="C133" s="2" t="s">
        <v>461</v>
      </c>
      <c r="D133" s="2" t="s">
        <v>462</v>
      </c>
      <c r="E133" s="2" t="s">
        <v>462</v>
      </c>
      <c r="F133" s="2" t="s">
        <v>463</v>
      </c>
      <c r="G133" s="3">
        <v>1</v>
      </c>
      <c r="H133" s="2" t="s">
        <v>55</v>
      </c>
      <c r="I133" s="3">
        <v>2019</v>
      </c>
      <c r="J133" s="2" t="s">
        <v>388</v>
      </c>
      <c r="K133" s="2" t="s">
        <v>464</v>
      </c>
      <c r="L133" s="2" t="s">
        <v>465</v>
      </c>
    </row>
    <row r="134" spans="1:12" ht="15.2" customHeight="1">
      <c r="A134" s="2" t="s">
        <v>436</v>
      </c>
      <c r="B134" s="2" t="s">
        <v>57</v>
      </c>
      <c r="C134" s="2" t="s">
        <v>466</v>
      </c>
      <c r="D134" s="2" t="s">
        <v>467</v>
      </c>
      <c r="E134" s="2" t="s">
        <v>293</v>
      </c>
      <c r="F134" s="2" t="s">
        <v>468</v>
      </c>
      <c r="G134" s="3">
        <v>3</v>
      </c>
      <c r="H134" s="2" t="s">
        <v>55</v>
      </c>
      <c r="I134" s="3">
        <v>2012</v>
      </c>
      <c r="J134" s="2" t="s">
        <v>19</v>
      </c>
      <c r="K134" s="2"/>
      <c r="L134" s="2" t="s">
        <v>469</v>
      </c>
    </row>
    <row r="135" spans="1:12" ht="15.2" customHeight="1">
      <c r="A135" s="2" t="s">
        <v>436</v>
      </c>
      <c r="B135" s="2" t="s">
        <v>62</v>
      </c>
      <c r="C135" s="2" t="s">
        <v>470</v>
      </c>
      <c r="D135" s="2" t="s">
        <v>471</v>
      </c>
      <c r="E135" s="2" t="s">
        <v>293</v>
      </c>
      <c r="F135" s="2" t="s">
        <v>472</v>
      </c>
      <c r="G135" s="3">
        <v>8</v>
      </c>
      <c r="H135" s="2" t="s">
        <v>55</v>
      </c>
      <c r="I135" s="3">
        <v>2013</v>
      </c>
      <c r="J135" s="2" t="s">
        <v>19</v>
      </c>
      <c r="K135" s="2"/>
      <c r="L135" s="2" t="s">
        <v>473</v>
      </c>
    </row>
    <row r="136" spans="1:12" ht="15.2" customHeight="1">
      <c r="A136" s="2" t="s">
        <v>436</v>
      </c>
      <c r="B136" s="2" t="s">
        <v>67</v>
      </c>
      <c r="C136" s="2" t="s">
        <v>474</v>
      </c>
      <c r="D136" s="2" t="s">
        <v>475</v>
      </c>
      <c r="E136" s="2" t="s">
        <v>136</v>
      </c>
      <c r="F136" s="2" t="s">
        <v>476</v>
      </c>
      <c r="G136" s="3">
        <v>2</v>
      </c>
      <c r="H136" s="2" t="s">
        <v>37</v>
      </c>
      <c r="I136" s="3">
        <v>2019</v>
      </c>
      <c r="J136" s="2" t="s">
        <v>121</v>
      </c>
      <c r="K136" s="2"/>
      <c r="L136" s="2" t="s">
        <v>477</v>
      </c>
    </row>
    <row r="137" spans="1:12" ht="15.2" customHeight="1">
      <c r="A137" s="2" t="s">
        <v>436</v>
      </c>
      <c r="B137" s="2" t="s">
        <v>72</v>
      </c>
      <c r="C137" s="2" t="s">
        <v>478</v>
      </c>
      <c r="D137" s="2" t="s">
        <v>479</v>
      </c>
      <c r="E137" s="2" t="s">
        <v>136</v>
      </c>
      <c r="F137" s="2" t="s">
        <v>480</v>
      </c>
      <c r="G137" s="3">
        <v>8</v>
      </c>
      <c r="H137" s="2" t="s">
        <v>37</v>
      </c>
      <c r="I137" s="3">
        <v>2019</v>
      </c>
      <c r="J137" s="2" t="s">
        <v>121</v>
      </c>
      <c r="K137" s="2"/>
      <c r="L137" s="2" t="s">
        <v>481</v>
      </c>
    </row>
    <row r="138" spans="1:12" ht="15.2" customHeight="1">
      <c r="A138" s="2" t="s">
        <v>436</v>
      </c>
      <c r="B138" s="2" t="s">
        <v>78</v>
      </c>
      <c r="C138" s="2" t="s">
        <v>482</v>
      </c>
      <c r="D138" s="2" t="s">
        <v>483</v>
      </c>
      <c r="E138" s="2" t="s">
        <v>136</v>
      </c>
      <c r="F138" s="2" t="s">
        <v>484</v>
      </c>
      <c r="G138" s="3">
        <v>9</v>
      </c>
      <c r="H138" s="2" t="s">
        <v>37</v>
      </c>
      <c r="I138" s="3">
        <v>2019</v>
      </c>
      <c r="J138" s="2" t="s">
        <v>121</v>
      </c>
      <c r="K138" s="2"/>
      <c r="L138" s="2" t="s">
        <v>485</v>
      </c>
    </row>
    <row r="139" spans="1:12" ht="15.2" customHeight="1">
      <c r="A139" s="2" t="s">
        <v>436</v>
      </c>
      <c r="B139" s="2" t="s">
        <v>83</v>
      </c>
      <c r="C139" s="2" t="s">
        <v>486</v>
      </c>
      <c r="D139" s="2" t="s">
        <v>487</v>
      </c>
      <c r="E139" s="2" t="s">
        <v>136</v>
      </c>
      <c r="F139" s="2" t="s">
        <v>488</v>
      </c>
      <c r="G139" s="3">
        <v>10</v>
      </c>
      <c r="H139" s="2" t="s">
        <v>37</v>
      </c>
      <c r="I139" s="3">
        <v>2019</v>
      </c>
      <c r="J139" s="2" t="s">
        <v>121</v>
      </c>
      <c r="K139" s="2"/>
      <c r="L139" s="2" t="s">
        <v>489</v>
      </c>
    </row>
    <row r="140" spans="1:12" ht="15.2" customHeight="1">
      <c r="A140" s="2" t="s">
        <v>436</v>
      </c>
      <c r="B140" s="2" t="s">
        <v>88</v>
      </c>
      <c r="C140" s="2" t="s">
        <v>490</v>
      </c>
      <c r="D140" s="2" t="s">
        <v>491</v>
      </c>
      <c r="E140" s="2" t="s">
        <v>136</v>
      </c>
      <c r="F140" s="2" t="s">
        <v>492</v>
      </c>
      <c r="G140" s="3">
        <v>5</v>
      </c>
      <c r="H140" s="2" t="s">
        <v>37</v>
      </c>
      <c r="I140" s="3">
        <v>2019</v>
      </c>
      <c r="J140" s="2" t="s">
        <v>121</v>
      </c>
      <c r="K140" s="2"/>
      <c r="L140" s="2" t="s">
        <v>493</v>
      </c>
    </row>
    <row r="141" spans="1:12" ht="15.2" customHeight="1">
      <c r="A141" s="2" t="s">
        <v>436</v>
      </c>
      <c r="B141" s="2" t="s">
        <v>94</v>
      </c>
      <c r="C141" s="2"/>
      <c r="D141" s="2" t="s">
        <v>494</v>
      </c>
      <c r="E141" s="2" t="s">
        <v>319</v>
      </c>
      <c r="F141" s="2" t="s">
        <v>495</v>
      </c>
      <c r="G141" s="3">
        <v>8</v>
      </c>
      <c r="H141" s="2" t="s">
        <v>37</v>
      </c>
      <c r="I141" s="3">
        <v>2020</v>
      </c>
      <c r="J141" s="2" t="s">
        <v>38</v>
      </c>
      <c r="K141" s="2"/>
      <c r="L141" s="2" t="s">
        <v>496</v>
      </c>
    </row>
    <row r="142" spans="1:12" ht="15.2" customHeight="1">
      <c r="A142" s="2" t="s">
        <v>436</v>
      </c>
      <c r="B142" s="2" t="s">
        <v>100</v>
      </c>
      <c r="C142" s="2"/>
      <c r="D142" s="2" t="s">
        <v>497</v>
      </c>
      <c r="E142" s="2" t="s">
        <v>319</v>
      </c>
      <c r="F142" s="2" t="s">
        <v>498</v>
      </c>
      <c r="G142" s="3">
        <v>3</v>
      </c>
      <c r="H142" s="2" t="s">
        <v>37</v>
      </c>
      <c r="I142" s="3">
        <v>2020</v>
      </c>
      <c r="J142" s="2" t="s">
        <v>38</v>
      </c>
      <c r="K142" s="2"/>
      <c r="L142" s="2" t="s">
        <v>499</v>
      </c>
    </row>
    <row r="143" spans="1:12" ht="15.2" customHeight="1">
      <c r="A143" s="2" t="s">
        <v>436</v>
      </c>
      <c r="B143" s="2" t="s">
        <v>105</v>
      </c>
      <c r="C143" s="2" t="s">
        <v>500</v>
      </c>
      <c r="D143" s="2" t="s">
        <v>501</v>
      </c>
      <c r="E143" s="2" t="s">
        <v>327</v>
      </c>
      <c r="F143" s="2" t="s">
        <v>502</v>
      </c>
      <c r="G143" s="3">
        <v>1</v>
      </c>
      <c r="H143" s="2" t="s">
        <v>55</v>
      </c>
      <c r="I143" s="3">
        <v>2015</v>
      </c>
      <c r="J143" s="2" t="s">
        <v>19</v>
      </c>
      <c r="K143" s="2"/>
      <c r="L143" s="2" t="s">
        <v>503</v>
      </c>
    </row>
    <row r="144" spans="1:12" ht="15.2" customHeight="1">
      <c r="A144" s="2" t="s">
        <v>436</v>
      </c>
      <c r="B144" s="2" t="s">
        <v>111</v>
      </c>
      <c r="C144" s="2" t="s">
        <v>504</v>
      </c>
      <c r="D144" s="2" t="s">
        <v>505</v>
      </c>
      <c r="E144" s="2" t="s">
        <v>327</v>
      </c>
      <c r="F144" s="2" t="s">
        <v>506</v>
      </c>
      <c r="G144" s="3">
        <v>6</v>
      </c>
      <c r="H144" s="2" t="s">
        <v>55</v>
      </c>
      <c r="I144" s="3">
        <v>2015</v>
      </c>
      <c r="J144" s="2" t="s">
        <v>19</v>
      </c>
      <c r="K144" s="2"/>
      <c r="L144" s="2" t="s">
        <v>507</v>
      </c>
    </row>
    <row r="145" spans="1:12" s="5" customFormat="1" ht="15.2" customHeight="1">
      <c r="A145" s="4" t="s">
        <v>436</v>
      </c>
      <c r="B145" s="4" t="s">
        <v>116</v>
      </c>
      <c r="C145" s="4" t="s">
        <v>508</v>
      </c>
      <c r="D145" s="4" t="s">
        <v>509</v>
      </c>
      <c r="E145" s="4" t="s">
        <v>53</v>
      </c>
      <c r="F145" s="4" t="s">
        <v>510</v>
      </c>
      <c r="G145" s="4">
        <v>5</v>
      </c>
      <c r="H145" s="4" t="s">
        <v>55</v>
      </c>
      <c r="I145" s="4">
        <v>2006</v>
      </c>
      <c r="J145" s="4" t="s">
        <v>19</v>
      </c>
      <c r="K145" s="4"/>
      <c r="L145" s="4"/>
    </row>
    <row r="146" spans="1:12" ht="15.2" customHeight="1">
      <c r="A146" s="2" t="s">
        <v>436</v>
      </c>
      <c r="B146" s="2" t="s">
        <v>123</v>
      </c>
      <c r="C146" s="2" t="s">
        <v>511</v>
      </c>
      <c r="D146" s="2" t="s">
        <v>512</v>
      </c>
      <c r="E146" s="2" t="s">
        <v>53</v>
      </c>
      <c r="F146" s="2" t="s">
        <v>513</v>
      </c>
      <c r="G146" s="3">
        <v>6</v>
      </c>
      <c r="H146" s="2" t="s">
        <v>55</v>
      </c>
      <c r="I146" s="3">
        <v>2006</v>
      </c>
      <c r="J146" s="2" t="s">
        <v>19</v>
      </c>
      <c r="K146" s="2"/>
      <c r="L146" s="2" t="s">
        <v>514</v>
      </c>
    </row>
    <row r="147" spans="1:12" ht="15.2" customHeight="1">
      <c r="A147" s="2" t="s">
        <v>436</v>
      </c>
      <c r="B147" s="2" t="s">
        <v>128</v>
      </c>
      <c r="C147" s="2" t="s">
        <v>515</v>
      </c>
      <c r="D147" s="2" t="s">
        <v>516</v>
      </c>
      <c r="E147" s="2" t="s">
        <v>53</v>
      </c>
      <c r="F147" s="2" t="s">
        <v>517</v>
      </c>
      <c r="G147" s="3">
        <v>8</v>
      </c>
      <c r="H147" s="2" t="s">
        <v>55</v>
      </c>
      <c r="I147" s="3">
        <v>2006</v>
      </c>
      <c r="J147" s="2" t="s">
        <v>19</v>
      </c>
      <c r="K147" s="2"/>
      <c r="L147" s="2" t="s">
        <v>518</v>
      </c>
    </row>
    <row r="148" spans="1:12" ht="15.2" customHeight="1">
      <c r="A148" s="2" t="s">
        <v>436</v>
      </c>
      <c r="B148" s="2" t="s">
        <v>133</v>
      </c>
      <c r="C148" s="2" t="s">
        <v>519</v>
      </c>
      <c r="D148" s="2" t="s">
        <v>520</v>
      </c>
      <c r="E148" s="2" t="s">
        <v>53</v>
      </c>
      <c r="F148" s="2" t="s">
        <v>521</v>
      </c>
      <c r="G148" s="3">
        <v>9</v>
      </c>
      <c r="H148" s="2" t="s">
        <v>55</v>
      </c>
      <c r="I148" s="3">
        <v>2006</v>
      </c>
      <c r="J148" s="2" t="s">
        <v>19</v>
      </c>
      <c r="K148" s="2"/>
      <c r="L148" s="2" t="s">
        <v>522</v>
      </c>
    </row>
    <row r="149" spans="1:12" ht="15.2" customHeight="1">
      <c r="A149" s="2" t="s">
        <v>436</v>
      </c>
      <c r="B149" s="2" t="s">
        <v>139</v>
      </c>
      <c r="C149" s="2" t="s">
        <v>51</v>
      </c>
      <c r="D149" s="2" t="s">
        <v>52</v>
      </c>
      <c r="E149" s="2" t="s">
        <v>53</v>
      </c>
      <c r="F149" s="2" t="s">
        <v>54</v>
      </c>
      <c r="G149" s="3">
        <v>5</v>
      </c>
      <c r="H149" s="2" t="s">
        <v>55</v>
      </c>
      <c r="I149" s="3">
        <v>2011</v>
      </c>
      <c r="J149" s="2" t="s">
        <v>19</v>
      </c>
      <c r="K149" s="2"/>
      <c r="L149" s="2" t="s">
        <v>56</v>
      </c>
    </row>
    <row r="150" spans="1:12" ht="15.2" customHeight="1">
      <c r="A150" s="2" t="s">
        <v>436</v>
      </c>
      <c r="B150" s="2" t="s">
        <v>144</v>
      </c>
      <c r="C150" s="2" t="s">
        <v>58</v>
      </c>
      <c r="D150" s="2" t="s">
        <v>59</v>
      </c>
      <c r="E150" s="2" t="s">
        <v>53</v>
      </c>
      <c r="F150" s="2" t="s">
        <v>60</v>
      </c>
      <c r="G150" s="3">
        <v>1</v>
      </c>
      <c r="H150" s="2" t="s">
        <v>55</v>
      </c>
      <c r="I150" s="3">
        <v>2006</v>
      </c>
      <c r="J150" s="2" t="s">
        <v>19</v>
      </c>
      <c r="K150" s="2"/>
      <c r="L150" s="2" t="s">
        <v>61</v>
      </c>
    </row>
    <row r="151" spans="1:12" ht="15.2" customHeight="1">
      <c r="A151" s="2" t="s">
        <v>436</v>
      </c>
      <c r="B151" s="2" t="s">
        <v>149</v>
      </c>
      <c r="C151" s="2" t="s">
        <v>63</v>
      </c>
      <c r="D151" s="2" t="s">
        <v>64</v>
      </c>
      <c r="E151" s="2" t="s">
        <v>53</v>
      </c>
      <c r="F151" s="2" t="s">
        <v>65</v>
      </c>
      <c r="G151" s="3">
        <v>2</v>
      </c>
      <c r="H151" s="2" t="s">
        <v>55</v>
      </c>
      <c r="I151" s="3">
        <v>2006</v>
      </c>
      <c r="J151" s="2" t="s">
        <v>19</v>
      </c>
      <c r="K151" s="2"/>
      <c r="L151" s="2" t="s">
        <v>66</v>
      </c>
    </row>
    <row r="152" spans="1:12" ht="15.2" customHeight="1">
      <c r="A152" s="2" t="s">
        <v>436</v>
      </c>
      <c r="B152" s="2" t="s">
        <v>154</v>
      </c>
      <c r="C152" s="2" t="s">
        <v>68</v>
      </c>
      <c r="D152" s="2" t="s">
        <v>69</v>
      </c>
      <c r="E152" s="2" t="s">
        <v>53</v>
      </c>
      <c r="F152" s="2" t="s">
        <v>70</v>
      </c>
      <c r="G152" s="3">
        <v>4</v>
      </c>
      <c r="H152" s="2" t="s">
        <v>55</v>
      </c>
      <c r="I152" s="3">
        <v>2006</v>
      </c>
      <c r="J152" s="2" t="s">
        <v>19</v>
      </c>
      <c r="K152" s="2"/>
      <c r="L152" s="2" t="s">
        <v>71</v>
      </c>
    </row>
    <row r="153" spans="1:12" ht="15.2" customHeight="1">
      <c r="A153" s="2" t="s">
        <v>436</v>
      </c>
      <c r="B153" s="2" t="s">
        <v>159</v>
      </c>
      <c r="C153" s="2" t="s">
        <v>440</v>
      </c>
      <c r="D153" s="2" t="s">
        <v>441</v>
      </c>
      <c r="E153" s="2" t="s">
        <v>266</v>
      </c>
      <c r="F153" s="2" t="s">
        <v>442</v>
      </c>
      <c r="G153" s="3">
        <v>15</v>
      </c>
      <c r="H153" s="2" t="s">
        <v>18</v>
      </c>
      <c r="I153" s="3">
        <v>2013</v>
      </c>
      <c r="J153" s="2" t="s">
        <v>38</v>
      </c>
      <c r="K153" s="2"/>
      <c r="L153" s="2" t="s">
        <v>443</v>
      </c>
    </row>
    <row r="154" spans="1:12" ht="15.2" customHeight="1">
      <c r="A154" s="2" t="s">
        <v>436</v>
      </c>
      <c r="B154" s="2" t="s">
        <v>160</v>
      </c>
      <c r="C154" s="2" t="s">
        <v>444</v>
      </c>
      <c r="D154" s="2" t="s">
        <v>445</v>
      </c>
      <c r="E154" s="2" t="s">
        <v>266</v>
      </c>
      <c r="F154" s="2" t="s">
        <v>446</v>
      </c>
      <c r="G154" s="3">
        <v>16</v>
      </c>
      <c r="H154" s="2" t="s">
        <v>18</v>
      </c>
      <c r="I154" s="3">
        <v>2013</v>
      </c>
      <c r="J154" s="2" t="s">
        <v>38</v>
      </c>
      <c r="K154" s="2"/>
      <c r="L154" s="2" t="s">
        <v>447</v>
      </c>
    </row>
    <row r="155" spans="1:12" ht="15.2" customHeight="1">
      <c r="A155" s="2" t="s">
        <v>436</v>
      </c>
      <c r="B155" s="2" t="s">
        <v>161</v>
      </c>
      <c r="C155" s="2" t="s">
        <v>456</v>
      </c>
      <c r="D155" s="2" t="s">
        <v>457</v>
      </c>
      <c r="E155" s="2" t="s">
        <v>458</v>
      </c>
      <c r="F155" s="2" t="s">
        <v>459</v>
      </c>
      <c r="G155" s="3">
        <v>1</v>
      </c>
      <c r="H155" s="2" t="s">
        <v>55</v>
      </c>
      <c r="I155" s="3">
        <v>2017</v>
      </c>
      <c r="J155" s="2" t="s">
        <v>19</v>
      </c>
      <c r="K155" s="2"/>
      <c r="L155" s="2" t="s">
        <v>460</v>
      </c>
    </row>
    <row r="156" spans="1:12" ht="15.2" customHeight="1">
      <c r="A156" s="2" t="s">
        <v>436</v>
      </c>
      <c r="B156" s="2" t="s">
        <v>167</v>
      </c>
      <c r="C156" s="2" t="s">
        <v>461</v>
      </c>
      <c r="D156" s="2" t="s">
        <v>462</v>
      </c>
      <c r="E156" s="2" t="s">
        <v>462</v>
      </c>
      <c r="F156" s="2" t="s">
        <v>463</v>
      </c>
      <c r="G156" s="3">
        <v>1</v>
      </c>
      <c r="H156" s="2" t="s">
        <v>55</v>
      </c>
      <c r="I156" s="3">
        <v>2019</v>
      </c>
      <c r="J156" s="2" t="s">
        <v>388</v>
      </c>
      <c r="K156" s="2" t="s">
        <v>464</v>
      </c>
      <c r="L156" s="2" t="s">
        <v>465</v>
      </c>
    </row>
    <row r="157" spans="1:12" ht="15.2" customHeight="1">
      <c r="A157" s="2" t="s">
        <v>436</v>
      </c>
      <c r="B157" s="2" t="s">
        <v>172</v>
      </c>
      <c r="C157" s="2" t="s">
        <v>466</v>
      </c>
      <c r="D157" s="2" t="s">
        <v>467</v>
      </c>
      <c r="E157" s="2" t="s">
        <v>293</v>
      </c>
      <c r="F157" s="2" t="s">
        <v>468</v>
      </c>
      <c r="G157" s="3">
        <v>3</v>
      </c>
      <c r="H157" s="2" t="s">
        <v>55</v>
      </c>
      <c r="I157" s="3">
        <v>2012</v>
      </c>
      <c r="J157" s="2" t="s">
        <v>19</v>
      </c>
      <c r="K157" s="2"/>
      <c r="L157" s="2" t="s">
        <v>469</v>
      </c>
    </row>
    <row r="158" spans="1:12" ht="15.2" customHeight="1">
      <c r="A158" s="2" t="s">
        <v>523</v>
      </c>
      <c r="B158" s="2" t="s">
        <v>14</v>
      </c>
      <c r="C158" s="2" t="s">
        <v>524</v>
      </c>
      <c r="D158" s="2" t="s">
        <v>16</v>
      </c>
      <c r="E158" s="2" t="s">
        <v>16</v>
      </c>
      <c r="F158" s="2" t="s">
        <v>525</v>
      </c>
      <c r="G158" s="3">
        <v>7</v>
      </c>
      <c r="H158" s="2" t="s">
        <v>18</v>
      </c>
      <c r="I158" s="3">
        <v>2013</v>
      </c>
      <c r="J158" s="2" t="s">
        <v>19</v>
      </c>
      <c r="K158" s="2"/>
      <c r="L158" s="2" t="s">
        <v>526</v>
      </c>
    </row>
    <row r="159" spans="1:12" ht="15.2" customHeight="1">
      <c r="A159" s="2" t="s">
        <v>523</v>
      </c>
      <c r="B159" s="2" t="s">
        <v>21</v>
      </c>
      <c r="C159" s="2" t="s">
        <v>527</v>
      </c>
      <c r="D159" s="2" t="s">
        <v>528</v>
      </c>
      <c r="E159" s="2" t="s">
        <v>529</v>
      </c>
      <c r="F159" s="2" t="s">
        <v>530</v>
      </c>
      <c r="G159" s="3">
        <v>1</v>
      </c>
      <c r="H159" s="2" t="s">
        <v>26</v>
      </c>
      <c r="I159" s="3">
        <v>2015</v>
      </c>
      <c r="J159" s="2" t="s">
        <v>19</v>
      </c>
      <c r="K159" s="2"/>
      <c r="L159" s="2" t="s">
        <v>531</v>
      </c>
    </row>
    <row r="160" spans="1:12" ht="15.2" customHeight="1">
      <c r="A160" s="2" t="s">
        <v>523</v>
      </c>
      <c r="B160" s="2" t="s">
        <v>28</v>
      </c>
      <c r="C160" s="2" t="s">
        <v>532</v>
      </c>
      <c r="D160" s="2" t="s">
        <v>528</v>
      </c>
      <c r="E160" s="2" t="s">
        <v>529</v>
      </c>
      <c r="F160" s="2" t="s">
        <v>533</v>
      </c>
      <c r="G160" s="3">
        <v>2</v>
      </c>
      <c r="H160" s="2" t="s">
        <v>26</v>
      </c>
      <c r="I160" s="3">
        <v>2015</v>
      </c>
      <c r="J160" s="2" t="s">
        <v>19</v>
      </c>
      <c r="K160" s="2"/>
      <c r="L160" s="2" t="s">
        <v>534</v>
      </c>
    </row>
    <row r="161" spans="1:12" ht="15.2" customHeight="1">
      <c r="A161" s="2" t="s">
        <v>523</v>
      </c>
      <c r="B161" s="2" t="s">
        <v>33</v>
      </c>
      <c r="C161" s="2" t="s">
        <v>535</v>
      </c>
      <c r="D161" s="2" t="s">
        <v>536</v>
      </c>
      <c r="E161" s="2" t="s">
        <v>136</v>
      </c>
      <c r="F161" s="2" t="s">
        <v>537</v>
      </c>
      <c r="G161" s="3">
        <v>8</v>
      </c>
      <c r="H161" s="2" t="s">
        <v>55</v>
      </c>
      <c r="I161" s="3">
        <v>2017</v>
      </c>
      <c r="J161" s="2" t="s">
        <v>121</v>
      </c>
      <c r="K161" s="2"/>
      <c r="L161" s="2" t="s">
        <v>538</v>
      </c>
    </row>
    <row r="162" spans="1:12" ht="15.2" customHeight="1">
      <c r="A162" s="2" t="s">
        <v>523</v>
      </c>
      <c r="B162" s="2" t="s">
        <v>40</v>
      </c>
      <c r="C162" s="2" t="s">
        <v>539</v>
      </c>
      <c r="D162" s="2" t="s">
        <v>540</v>
      </c>
      <c r="E162" s="2" t="s">
        <v>136</v>
      </c>
      <c r="F162" s="2" t="s">
        <v>541</v>
      </c>
      <c r="G162" s="3">
        <v>10</v>
      </c>
      <c r="H162" s="2" t="s">
        <v>55</v>
      </c>
      <c r="I162" s="3">
        <v>2006</v>
      </c>
      <c r="J162" s="2" t="s">
        <v>121</v>
      </c>
      <c r="K162" s="2"/>
      <c r="L162" s="2" t="s">
        <v>542</v>
      </c>
    </row>
    <row r="163" spans="1:12" ht="15.2" customHeight="1">
      <c r="A163" s="2" t="s">
        <v>523</v>
      </c>
      <c r="B163" s="2" t="s">
        <v>44</v>
      </c>
      <c r="C163" s="2" t="s">
        <v>543</v>
      </c>
      <c r="D163" s="2" t="s">
        <v>544</v>
      </c>
      <c r="E163" s="2" t="s">
        <v>283</v>
      </c>
      <c r="F163" s="2" t="s">
        <v>545</v>
      </c>
      <c r="G163" s="3">
        <v>12</v>
      </c>
      <c r="H163" s="2" t="s">
        <v>546</v>
      </c>
      <c r="I163" s="3">
        <v>2012</v>
      </c>
      <c r="J163" s="2" t="s">
        <v>38</v>
      </c>
      <c r="K163" s="2"/>
      <c r="L163" s="2" t="s">
        <v>547</v>
      </c>
    </row>
    <row r="164" spans="1:12" ht="15.2" customHeight="1">
      <c r="A164" s="2" t="s">
        <v>523</v>
      </c>
      <c r="B164" s="2" t="s">
        <v>50</v>
      </c>
      <c r="C164" s="2" t="s">
        <v>548</v>
      </c>
      <c r="D164" s="2" t="s">
        <v>549</v>
      </c>
      <c r="E164" s="2" t="s">
        <v>283</v>
      </c>
      <c r="F164" s="2" t="s">
        <v>550</v>
      </c>
      <c r="G164" s="3">
        <v>13</v>
      </c>
      <c r="H164" s="2" t="s">
        <v>546</v>
      </c>
      <c r="I164" s="3">
        <v>2012</v>
      </c>
      <c r="J164" s="2" t="s">
        <v>38</v>
      </c>
      <c r="K164" s="2"/>
      <c r="L164" s="2" t="s">
        <v>551</v>
      </c>
    </row>
    <row r="165" spans="1:12" ht="15.2" customHeight="1">
      <c r="A165" s="2" t="s">
        <v>523</v>
      </c>
      <c r="B165" s="2" t="s">
        <v>57</v>
      </c>
      <c r="C165" s="2" t="s">
        <v>552</v>
      </c>
      <c r="D165" s="2" t="s">
        <v>553</v>
      </c>
      <c r="E165" s="2" t="s">
        <v>293</v>
      </c>
      <c r="F165" s="2" t="s">
        <v>554</v>
      </c>
      <c r="G165" s="3">
        <v>4</v>
      </c>
      <c r="H165" s="2" t="s">
        <v>55</v>
      </c>
      <c r="I165" s="3">
        <v>2012</v>
      </c>
      <c r="J165" s="2" t="s">
        <v>19</v>
      </c>
      <c r="K165" s="2"/>
      <c r="L165" s="2" t="s">
        <v>555</v>
      </c>
    </row>
    <row r="166" spans="1:12" ht="15.2" customHeight="1">
      <c r="A166" s="2" t="s">
        <v>523</v>
      </c>
      <c r="B166" s="2" t="s">
        <v>62</v>
      </c>
      <c r="C166" s="2" t="s">
        <v>556</v>
      </c>
      <c r="D166" s="2" t="s">
        <v>557</v>
      </c>
      <c r="E166" s="2" t="s">
        <v>293</v>
      </c>
      <c r="F166" s="2" t="s">
        <v>558</v>
      </c>
      <c r="G166" s="3">
        <v>9</v>
      </c>
      <c r="H166" s="2" t="s">
        <v>55</v>
      </c>
      <c r="I166" s="3">
        <v>2013</v>
      </c>
      <c r="J166" s="2" t="s">
        <v>19</v>
      </c>
      <c r="K166" s="2"/>
      <c r="L166" s="2" t="s">
        <v>559</v>
      </c>
    </row>
    <row r="167" spans="1:12" ht="15.2" customHeight="1">
      <c r="A167" s="2" t="s">
        <v>523</v>
      </c>
      <c r="B167" s="2" t="s">
        <v>67</v>
      </c>
      <c r="C167" s="2" t="s">
        <v>560</v>
      </c>
      <c r="D167" s="2" t="s">
        <v>561</v>
      </c>
      <c r="E167" s="2" t="s">
        <v>16</v>
      </c>
      <c r="F167" s="2" t="s">
        <v>562</v>
      </c>
      <c r="G167" s="3">
        <v>13</v>
      </c>
      <c r="H167" s="2" t="s">
        <v>18</v>
      </c>
      <c r="I167" s="3">
        <v>2020</v>
      </c>
      <c r="J167" s="2" t="s">
        <v>19</v>
      </c>
      <c r="K167" s="2"/>
      <c r="L167" s="2" t="s">
        <v>563</v>
      </c>
    </row>
    <row r="168" spans="1:12" ht="15.2" customHeight="1">
      <c r="A168" s="2" t="s">
        <v>523</v>
      </c>
      <c r="B168" s="2" t="s">
        <v>564</v>
      </c>
      <c r="C168" s="2" t="s">
        <v>565</v>
      </c>
      <c r="D168" s="2" t="s">
        <v>566</v>
      </c>
      <c r="E168" s="2" t="s">
        <v>16</v>
      </c>
      <c r="F168" s="2" t="s">
        <v>567</v>
      </c>
      <c r="G168" s="3">
        <v>11</v>
      </c>
      <c r="H168" s="2" t="s">
        <v>18</v>
      </c>
      <c r="I168" s="3">
        <v>2020</v>
      </c>
      <c r="J168" s="2" t="s">
        <v>19</v>
      </c>
      <c r="K168" s="2"/>
      <c r="L168" s="2" t="s">
        <v>568</v>
      </c>
    </row>
    <row r="169" spans="1:12" ht="15.2" customHeight="1">
      <c r="A169" s="2" t="s">
        <v>523</v>
      </c>
      <c r="B169" s="2" t="s">
        <v>72</v>
      </c>
      <c r="C169" s="2" t="s">
        <v>569</v>
      </c>
      <c r="D169" s="2" t="s">
        <v>570</v>
      </c>
      <c r="E169" s="2" t="s">
        <v>16</v>
      </c>
      <c r="F169" s="2" t="s">
        <v>571</v>
      </c>
      <c r="G169" s="3">
        <v>12</v>
      </c>
      <c r="H169" s="2" t="s">
        <v>18</v>
      </c>
      <c r="I169" s="3">
        <v>2020</v>
      </c>
      <c r="J169" s="2" t="s">
        <v>19</v>
      </c>
      <c r="K169" s="2"/>
      <c r="L169" s="2" t="s">
        <v>572</v>
      </c>
    </row>
    <row r="170" spans="1:12" ht="15.2" customHeight="1">
      <c r="A170" s="2" t="s">
        <v>523</v>
      </c>
      <c r="B170" s="2" t="s">
        <v>573</v>
      </c>
      <c r="C170" s="2" t="s">
        <v>574</v>
      </c>
      <c r="D170" s="2" t="s">
        <v>575</v>
      </c>
      <c r="E170" s="2" t="s">
        <v>16</v>
      </c>
      <c r="F170" s="2" t="s">
        <v>576</v>
      </c>
      <c r="G170" s="3">
        <v>15</v>
      </c>
      <c r="H170" s="2" t="s">
        <v>18</v>
      </c>
      <c r="I170" s="3">
        <v>2020</v>
      </c>
      <c r="J170" s="2" t="s">
        <v>19</v>
      </c>
      <c r="K170" s="2"/>
      <c r="L170" s="2" t="s">
        <v>577</v>
      </c>
    </row>
    <row r="171" spans="1:12" ht="15.2" customHeight="1">
      <c r="A171" s="2" t="s">
        <v>523</v>
      </c>
      <c r="B171" s="2" t="s">
        <v>78</v>
      </c>
      <c r="C171" s="2" t="s">
        <v>578</v>
      </c>
      <c r="D171" s="2" t="s">
        <v>579</v>
      </c>
      <c r="E171" s="2" t="s">
        <v>16</v>
      </c>
      <c r="F171" s="2" t="s">
        <v>580</v>
      </c>
      <c r="G171" s="3">
        <v>8</v>
      </c>
      <c r="H171" s="2" t="s">
        <v>18</v>
      </c>
      <c r="I171" s="3">
        <v>2020</v>
      </c>
      <c r="J171" s="2" t="s">
        <v>19</v>
      </c>
      <c r="K171" s="2"/>
      <c r="L171" s="2" t="s">
        <v>581</v>
      </c>
    </row>
    <row r="172" spans="1:12" ht="15.2" customHeight="1">
      <c r="A172" s="2" t="s">
        <v>523</v>
      </c>
      <c r="B172" s="2" t="s">
        <v>582</v>
      </c>
      <c r="C172" s="2" t="s">
        <v>583</v>
      </c>
      <c r="D172" s="2" t="s">
        <v>584</v>
      </c>
      <c r="E172" s="2" t="s">
        <v>16</v>
      </c>
      <c r="F172" s="2" t="s">
        <v>585</v>
      </c>
      <c r="G172" s="3">
        <v>14</v>
      </c>
      <c r="H172" s="2" t="s">
        <v>18</v>
      </c>
      <c r="I172" s="3">
        <v>2020</v>
      </c>
      <c r="J172" s="2" t="s">
        <v>19</v>
      </c>
      <c r="K172" s="2"/>
      <c r="L172" s="2" t="s">
        <v>586</v>
      </c>
    </row>
    <row r="173" spans="1:12" ht="15.2" customHeight="1">
      <c r="A173" s="2" t="s">
        <v>523</v>
      </c>
      <c r="B173" s="2" t="s">
        <v>83</v>
      </c>
      <c r="C173" s="2"/>
      <c r="D173" s="2" t="s">
        <v>587</v>
      </c>
      <c r="E173" s="2" t="s">
        <v>588</v>
      </c>
      <c r="F173" s="2" t="s">
        <v>589</v>
      </c>
      <c r="G173" s="3">
        <v>1</v>
      </c>
      <c r="H173" s="2" t="s">
        <v>18</v>
      </c>
      <c r="I173" s="3">
        <v>2020</v>
      </c>
      <c r="J173" s="2" t="s">
        <v>38</v>
      </c>
      <c r="K173" s="2"/>
      <c r="L173" s="2" t="s">
        <v>590</v>
      </c>
    </row>
    <row r="174" spans="1:12" ht="15.2" customHeight="1">
      <c r="A174" s="2" t="s">
        <v>523</v>
      </c>
      <c r="B174" s="2" t="s">
        <v>591</v>
      </c>
      <c r="C174" s="2"/>
      <c r="D174" s="2" t="s">
        <v>592</v>
      </c>
      <c r="E174" s="2" t="s">
        <v>588</v>
      </c>
      <c r="F174" s="2" t="s">
        <v>593</v>
      </c>
      <c r="G174" s="3">
        <v>2</v>
      </c>
      <c r="H174" s="2" t="s">
        <v>18</v>
      </c>
      <c r="I174" s="3">
        <v>2020</v>
      </c>
      <c r="J174" s="2" t="s">
        <v>38</v>
      </c>
      <c r="K174" s="2"/>
      <c r="L174" s="2" t="s">
        <v>594</v>
      </c>
    </row>
    <row r="175" spans="1:12" ht="15.2" customHeight="1">
      <c r="A175" s="2" t="s">
        <v>523</v>
      </c>
      <c r="B175" s="2" t="s">
        <v>88</v>
      </c>
      <c r="C175" s="2"/>
      <c r="D175" s="2" t="s">
        <v>595</v>
      </c>
      <c r="E175" s="2" t="s">
        <v>588</v>
      </c>
      <c r="F175" s="2" t="s">
        <v>596</v>
      </c>
      <c r="G175" s="3">
        <v>3</v>
      </c>
      <c r="H175" s="2" t="s">
        <v>18</v>
      </c>
      <c r="I175" s="3">
        <v>2020</v>
      </c>
      <c r="J175" s="2" t="s">
        <v>38</v>
      </c>
      <c r="K175" s="2"/>
      <c r="L175" s="2" t="s">
        <v>597</v>
      </c>
    </row>
    <row r="176" spans="1:12" ht="15.2" customHeight="1">
      <c r="A176" s="2" t="s">
        <v>523</v>
      </c>
      <c r="B176" s="2" t="s">
        <v>598</v>
      </c>
      <c r="C176" s="2" t="s">
        <v>599</v>
      </c>
      <c r="D176" s="2" t="s">
        <v>600</v>
      </c>
      <c r="E176" s="2" t="s">
        <v>588</v>
      </c>
      <c r="F176" s="2" t="s">
        <v>601</v>
      </c>
      <c r="G176" s="3">
        <v>4</v>
      </c>
      <c r="H176" s="2" t="s">
        <v>18</v>
      </c>
      <c r="I176" s="3">
        <v>2020</v>
      </c>
      <c r="J176" s="2" t="s">
        <v>38</v>
      </c>
      <c r="K176" s="2"/>
      <c r="L176" s="2" t="s">
        <v>602</v>
      </c>
    </row>
    <row r="177" spans="1:12" ht="15.2" customHeight="1">
      <c r="A177" s="2" t="s">
        <v>523</v>
      </c>
      <c r="B177" s="2" t="s">
        <v>94</v>
      </c>
      <c r="C177" s="2" t="s">
        <v>603</v>
      </c>
      <c r="D177" s="2" t="s">
        <v>604</v>
      </c>
      <c r="E177" s="2" t="s">
        <v>319</v>
      </c>
      <c r="F177" s="2" t="s">
        <v>605</v>
      </c>
      <c r="G177" s="3">
        <v>1</v>
      </c>
      <c r="H177" s="2" t="s">
        <v>55</v>
      </c>
      <c r="I177" s="3">
        <v>2019</v>
      </c>
      <c r="J177" s="2" t="s">
        <v>606</v>
      </c>
      <c r="K177" s="2"/>
      <c r="L177" s="2" t="s">
        <v>607</v>
      </c>
    </row>
    <row r="178" spans="1:12" ht="15.2" customHeight="1">
      <c r="A178" s="2" t="s">
        <v>523</v>
      </c>
      <c r="B178" s="2" t="s">
        <v>100</v>
      </c>
      <c r="C178" s="2"/>
      <c r="D178" s="2" t="s">
        <v>608</v>
      </c>
      <c r="E178" s="2" t="s">
        <v>319</v>
      </c>
      <c r="F178" s="2" t="s">
        <v>609</v>
      </c>
      <c r="G178" s="3">
        <v>4</v>
      </c>
      <c r="H178" s="2" t="s">
        <v>37</v>
      </c>
      <c r="I178" s="3">
        <v>2020</v>
      </c>
      <c r="J178" s="2" t="s">
        <v>38</v>
      </c>
      <c r="K178" s="2"/>
      <c r="L178" s="2" t="s">
        <v>610</v>
      </c>
    </row>
    <row r="179" spans="1:12" ht="15.2" customHeight="1">
      <c r="A179" s="2" t="s">
        <v>523</v>
      </c>
      <c r="B179" s="2" t="s">
        <v>105</v>
      </c>
      <c r="C179" s="2" t="s">
        <v>611</v>
      </c>
      <c r="D179" s="2" t="s">
        <v>612</v>
      </c>
      <c r="E179" s="2" t="s">
        <v>327</v>
      </c>
      <c r="F179" s="2" t="s">
        <v>613</v>
      </c>
      <c r="G179" s="3">
        <v>2</v>
      </c>
      <c r="H179" s="2" t="s">
        <v>55</v>
      </c>
      <c r="I179" s="3">
        <v>2015</v>
      </c>
      <c r="J179" s="2" t="s">
        <v>19</v>
      </c>
      <c r="K179" s="2"/>
      <c r="L179" s="2" t="s">
        <v>614</v>
      </c>
    </row>
    <row r="180" spans="1:12" ht="15.2" customHeight="1">
      <c r="A180" s="2" t="s">
        <v>523</v>
      </c>
      <c r="B180" s="2" t="s">
        <v>111</v>
      </c>
      <c r="C180" s="2" t="s">
        <v>615</v>
      </c>
      <c r="D180" s="2" t="s">
        <v>616</v>
      </c>
      <c r="E180" s="2" t="s">
        <v>327</v>
      </c>
      <c r="F180" s="2" t="s">
        <v>617</v>
      </c>
      <c r="G180" s="3">
        <v>7</v>
      </c>
      <c r="H180" s="2" t="s">
        <v>55</v>
      </c>
      <c r="I180" s="3">
        <v>2015</v>
      </c>
      <c r="J180" s="2" t="s">
        <v>19</v>
      </c>
      <c r="K180" s="2"/>
      <c r="L180" s="2" t="s">
        <v>618</v>
      </c>
    </row>
    <row r="181" spans="1:12" ht="15.2" customHeight="1">
      <c r="A181" s="2" t="s">
        <v>523</v>
      </c>
      <c r="B181" s="2" t="s">
        <v>116</v>
      </c>
      <c r="C181" s="2"/>
      <c r="D181" s="2" t="s">
        <v>619</v>
      </c>
      <c r="E181" s="2" t="s">
        <v>620</v>
      </c>
      <c r="F181" s="2" t="s">
        <v>621</v>
      </c>
      <c r="G181" s="3">
        <v>1</v>
      </c>
      <c r="H181" s="2" t="s">
        <v>37</v>
      </c>
      <c r="I181" s="3">
        <v>2019</v>
      </c>
      <c r="J181" s="2" t="s">
        <v>38</v>
      </c>
      <c r="K181" s="2"/>
      <c r="L181" s="2" t="s">
        <v>622</v>
      </c>
    </row>
    <row r="182" spans="1:12" ht="15.2" customHeight="1">
      <c r="A182" s="2" t="s">
        <v>523</v>
      </c>
      <c r="B182" s="2" t="s">
        <v>123</v>
      </c>
      <c r="C182" s="2"/>
      <c r="D182" s="2" t="s">
        <v>623</v>
      </c>
      <c r="E182" s="2" t="s">
        <v>624</v>
      </c>
      <c r="F182" s="2" t="s">
        <v>625</v>
      </c>
      <c r="G182" s="3">
        <v>1</v>
      </c>
      <c r="H182" s="2" t="s">
        <v>248</v>
      </c>
      <c r="I182" s="3">
        <v>2020</v>
      </c>
      <c r="J182" s="2" t="s">
        <v>38</v>
      </c>
      <c r="K182" s="2"/>
      <c r="L182" s="2" t="s">
        <v>626</v>
      </c>
    </row>
    <row r="183" spans="1:12" ht="15.2" customHeight="1">
      <c r="A183" s="2" t="s">
        <v>523</v>
      </c>
      <c r="B183" s="2" t="s">
        <v>128</v>
      </c>
      <c r="C183" s="2" t="s">
        <v>627</v>
      </c>
      <c r="D183" s="2" t="s">
        <v>628</v>
      </c>
      <c r="E183" s="2" t="s">
        <v>629</v>
      </c>
      <c r="F183" s="2" t="s">
        <v>629</v>
      </c>
      <c r="G183" s="3">
        <v>1</v>
      </c>
      <c r="H183" s="2" t="s">
        <v>248</v>
      </c>
      <c r="I183" s="3">
        <v>2011</v>
      </c>
      <c r="J183" s="2" t="s">
        <v>630</v>
      </c>
      <c r="K183" s="2"/>
      <c r="L183" s="2" t="s">
        <v>631</v>
      </c>
    </row>
    <row r="184" spans="1:12" ht="15.2" customHeight="1">
      <c r="A184" s="2" t="s">
        <v>523</v>
      </c>
      <c r="B184" s="2" t="s">
        <v>133</v>
      </c>
      <c r="C184" s="2" t="s">
        <v>632</v>
      </c>
      <c r="D184" s="2" t="s">
        <v>633</v>
      </c>
      <c r="E184" s="2" t="s">
        <v>634</v>
      </c>
      <c r="F184" s="2" t="s">
        <v>635</v>
      </c>
      <c r="G184" s="3">
        <v>1</v>
      </c>
      <c r="H184" s="2" t="s">
        <v>55</v>
      </c>
      <c r="I184" s="3">
        <v>2018</v>
      </c>
      <c r="J184" s="2" t="s">
        <v>38</v>
      </c>
      <c r="K184" s="2"/>
      <c r="L184" s="2" t="s">
        <v>636</v>
      </c>
    </row>
    <row r="185" spans="1:12" ht="15.2" customHeight="1">
      <c r="A185" s="2" t="s">
        <v>523</v>
      </c>
      <c r="B185" s="2" t="s">
        <v>139</v>
      </c>
      <c r="C185" s="2" t="s">
        <v>162</v>
      </c>
      <c r="D185" s="2" t="s">
        <v>163</v>
      </c>
      <c r="E185" s="2" t="s">
        <v>164</v>
      </c>
      <c r="F185" s="2" t="s">
        <v>165</v>
      </c>
      <c r="G185" s="3">
        <v>4</v>
      </c>
      <c r="H185" s="2" t="s">
        <v>55</v>
      </c>
      <c r="I185" s="3">
        <v>2013</v>
      </c>
      <c r="J185" s="2" t="s">
        <v>19</v>
      </c>
      <c r="K185" s="2"/>
      <c r="L185" s="2" t="s">
        <v>166</v>
      </c>
    </row>
    <row r="186" spans="1:12" ht="15.2" customHeight="1">
      <c r="A186" s="2" t="s">
        <v>523</v>
      </c>
      <c r="B186" s="2" t="s">
        <v>144</v>
      </c>
      <c r="C186" s="2" t="s">
        <v>168</v>
      </c>
      <c r="D186" s="2" t="s">
        <v>169</v>
      </c>
      <c r="E186" s="2" t="s">
        <v>164</v>
      </c>
      <c r="F186" s="2" t="s">
        <v>170</v>
      </c>
      <c r="G186" s="3">
        <v>5</v>
      </c>
      <c r="H186" s="2" t="s">
        <v>55</v>
      </c>
      <c r="I186" s="3">
        <v>2013</v>
      </c>
      <c r="J186" s="2" t="s">
        <v>19</v>
      </c>
      <c r="K186" s="2"/>
      <c r="L186" s="2" t="s">
        <v>171</v>
      </c>
    </row>
    <row r="187" spans="1:12" ht="15.2" customHeight="1">
      <c r="A187" s="2" t="s">
        <v>523</v>
      </c>
      <c r="B187" s="2" t="s">
        <v>149</v>
      </c>
      <c r="C187" s="2" t="s">
        <v>216</v>
      </c>
      <c r="D187" s="2" t="s">
        <v>217</v>
      </c>
      <c r="E187" s="2" t="s">
        <v>164</v>
      </c>
      <c r="F187" s="2" t="s">
        <v>218</v>
      </c>
      <c r="G187" s="3">
        <v>6</v>
      </c>
      <c r="H187" s="2" t="s">
        <v>55</v>
      </c>
      <c r="I187" s="3">
        <v>2013</v>
      </c>
      <c r="J187" s="2" t="s">
        <v>19</v>
      </c>
      <c r="K187" s="2"/>
      <c r="L187" s="2" t="s">
        <v>219</v>
      </c>
    </row>
    <row r="188" spans="1:12" ht="15.2" customHeight="1">
      <c r="A188" s="2" t="s">
        <v>523</v>
      </c>
      <c r="B188" s="2" t="s">
        <v>154</v>
      </c>
      <c r="C188" s="2" t="s">
        <v>220</v>
      </c>
      <c r="D188" s="2" t="s">
        <v>221</v>
      </c>
      <c r="E188" s="2" t="s">
        <v>222</v>
      </c>
      <c r="F188" s="2" t="s">
        <v>223</v>
      </c>
      <c r="G188" s="3">
        <v>1</v>
      </c>
      <c r="H188" s="2" t="s">
        <v>37</v>
      </c>
      <c r="I188" s="3">
        <v>2020</v>
      </c>
      <c r="J188" s="2" t="s">
        <v>19</v>
      </c>
      <c r="K188" s="2"/>
      <c r="L188" s="2" t="s">
        <v>224</v>
      </c>
    </row>
    <row r="189" spans="1:12" ht="15.2" customHeight="1">
      <c r="A189" s="2" t="s">
        <v>523</v>
      </c>
      <c r="B189" s="2" t="s">
        <v>159</v>
      </c>
      <c r="C189" s="2" t="s">
        <v>527</v>
      </c>
      <c r="D189" s="2" t="s">
        <v>528</v>
      </c>
      <c r="E189" s="2" t="s">
        <v>529</v>
      </c>
      <c r="F189" s="2" t="s">
        <v>530</v>
      </c>
      <c r="G189" s="3">
        <v>1</v>
      </c>
      <c r="H189" s="2" t="s">
        <v>26</v>
      </c>
      <c r="I189" s="3">
        <v>2015</v>
      </c>
      <c r="J189" s="2" t="s">
        <v>19</v>
      </c>
      <c r="K189" s="2"/>
      <c r="L189" s="2" t="s">
        <v>531</v>
      </c>
    </row>
    <row r="190" spans="1:12" ht="15.2" customHeight="1">
      <c r="A190" s="2" t="s">
        <v>523</v>
      </c>
      <c r="B190" s="2" t="s">
        <v>160</v>
      </c>
      <c r="C190" s="2" t="s">
        <v>532</v>
      </c>
      <c r="D190" s="2" t="s">
        <v>528</v>
      </c>
      <c r="E190" s="2" t="s">
        <v>529</v>
      </c>
      <c r="F190" s="2" t="s">
        <v>533</v>
      </c>
      <c r="G190" s="3">
        <v>2</v>
      </c>
      <c r="H190" s="2" t="s">
        <v>26</v>
      </c>
      <c r="I190" s="3">
        <v>2015</v>
      </c>
      <c r="J190" s="2" t="s">
        <v>19</v>
      </c>
      <c r="K190" s="2"/>
      <c r="L190" s="2" t="s">
        <v>534</v>
      </c>
    </row>
    <row r="191" spans="1:12" ht="15.2" customHeight="1">
      <c r="A191" s="2" t="s">
        <v>523</v>
      </c>
      <c r="B191" s="2" t="s">
        <v>161</v>
      </c>
      <c r="C191" s="2" t="s">
        <v>543</v>
      </c>
      <c r="D191" s="2" t="s">
        <v>544</v>
      </c>
      <c r="E191" s="2" t="s">
        <v>283</v>
      </c>
      <c r="F191" s="2" t="s">
        <v>545</v>
      </c>
      <c r="G191" s="3">
        <v>12</v>
      </c>
      <c r="H191" s="2" t="s">
        <v>546</v>
      </c>
      <c r="I191" s="3">
        <v>2012</v>
      </c>
      <c r="J191" s="2" t="s">
        <v>38</v>
      </c>
      <c r="K191" s="2"/>
      <c r="L191" s="2" t="s">
        <v>547</v>
      </c>
    </row>
    <row r="192" spans="1:12" ht="15.2" customHeight="1">
      <c r="A192" s="2" t="s">
        <v>523</v>
      </c>
      <c r="B192" s="2" t="s">
        <v>167</v>
      </c>
      <c r="C192" s="2" t="s">
        <v>548</v>
      </c>
      <c r="D192" s="2" t="s">
        <v>549</v>
      </c>
      <c r="E192" s="2" t="s">
        <v>283</v>
      </c>
      <c r="F192" s="2" t="s">
        <v>550</v>
      </c>
      <c r="G192" s="3">
        <v>13</v>
      </c>
      <c r="H192" s="2" t="s">
        <v>546</v>
      </c>
      <c r="I192" s="3">
        <v>2012</v>
      </c>
      <c r="J192" s="2" t="s">
        <v>38</v>
      </c>
      <c r="K192" s="2"/>
      <c r="L192" s="2" t="s">
        <v>551</v>
      </c>
    </row>
    <row r="193" spans="1:12" ht="15.2" customHeight="1">
      <c r="A193" s="2" t="s">
        <v>523</v>
      </c>
      <c r="B193" s="2" t="s">
        <v>172</v>
      </c>
      <c r="C193" s="2" t="s">
        <v>552</v>
      </c>
      <c r="D193" s="2" t="s">
        <v>553</v>
      </c>
      <c r="E193" s="2" t="s">
        <v>293</v>
      </c>
      <c r="F193" s="2" t="s">
        <v>554</v>
      </c>
      <c r="G193" s="3">
        <v>4</v>
      </c>
      <c r="H193" s="2" t="s">
        <v>55</v>
      </c>
      <c r="I193" s="3">
        <v>2012</v>
      </c>
      <c r="J193" s="2" t="s">
        <v>19</v>
      </c>
      <c r="K193" s="2"/>
      <c r="L193" s="2" t="s">
        <v>555</v>
      </c>
    </row>
    <row r="194" spans="1:12" ht="15.2" customHeight="1">
      <c r="A194" s="2" t="s">
        <v>637</v>
      </c>
      <c r="B194" s="2" t="s">
        <v>14</v>
      </c>
      <c r="C194" s="2" t="s">
        <v>638</v>
      </c>
      <c r="D194" s="2" t="s">
        <v>16</v>
      </c>
      <c r="E194" s="2" t="s">
        <v>16</v>
      </c>
      <c r="F194" s="2" t="s">
        <v>639</v>
      </c>
      <c r="G194" s="3">
        <v>8</v>
      </c>
      <c r="H194" s="2" t="s">
        <v>18</v>
      </c>
      <c r="I194" s="3">
        <v>2013</v>
      </c>
      <c r="J194" s="2" t="s">
        <v>19</v>
      </c>
      <c r="K194" s="2"/>
      <c r="L194" s="2" t="s">
        <v>640</v>
      </c>
    </row>
    <row r="195" spans="1:12" ht="15.2" customHeight="1">
      <c r="A195" s="2" t="s">
        <v>637</v>
      </c>
      <c r="B195" s="2" t="s">
        <v>21</v>
      </c>
      <c r="C195" s="2" t="s">
        <v>641</v>
      </c>
      <c r="D195" s="2" t="s">
        <v>528</v>
      </c>
      <c r="E195" s="2" t="s">
        <v>529</v>
      </c>
      <c r="F195" s="2" t="s">
        <v>642</v>
      </c>
      <c r="G195" s="3">
        <v>3</v>
      </c>
      <c r="H195" s="2" t="s">
        <v>26</v>
      </c>
      <c r="I195" s="3">
        <v>2015</v>
      </c>
      <c r="J195" s="2" t="s">
        <v>19</v>
      </c>
      <c r="K195" s="2"/>
      <c r="L195" s="2" t="s">
        <v>643</v>
      </c>
    </row>
    <row r="196" spans="1:12" ht="15.2" customHeight="1">
      <c r="A196" s="2" t="s">
        <v>637</v>
      </c>
      <c r="B196" s="2" t="s">
        <v>28</v>
      </c>
      <c r="C196" s="2" t="s">
        <v>644</v>
      </c>
      <c r="D196" s="2" t="s">
        <v>528</v>
      </c>
      <c r="E196" s="2" t="s">
        <v>529</v>
      </c>
      <c r="F196" s="2" t="s">
        <v>645</v>
      </c>
      <c r="G196" s="3">
        <v>4</v>
      </c>
      <c r="H196" s="2" t="s">
        <v>26</v>
      </c>
      <c r="I196" s="3">
        <v>2015</v>
      </c>
      <c r="J196" s="2" t="s">
        <v>19</v>
      </c>
      <c r="K196" s="2"/>
      <c r="L196" s="2" t="s">
        <v>646</v>
      </c>
    </row>
    <row r="197" spans="1:12" ht="15.2" customHeight="1">
      <c r="A197" s="2" t="s">
        <v>637</v>
      </c>
      <c r="B197" s="2" t="s">
        <v>33</v>
      </c>
      <c r="C197" s="2" t="s">
        <v>647</v>
      </c>
      <c r="D197" s="2" t="s">
        <v>648</v>
      </c>
      <c r="E197" s="2" t="s">
        <v>136</v>
      </c>
      <c r="F197" s="2" t="s">
        <v>649</v>
      </c>
      <c r="G197" s="3">
        <v>6</v>
      </c>
      <c r="H197" s="2" t="s">
        <v>55</v>
      </c>
      <c r="I197" s="3">
        <v>2017</v>
      </c>
      <c r="J197" s="2" t="s">
        <v>121</v>
      </c>
      <c r="K197" s="2"/>
      <c r="L197" s="2" t="s">
        <v>650</v>
      </c>
    </row>
    <row r="198" spans="1:12" ht="15.2" customHeight="1">
      <c r="A198" s="2" t="s">
        <v>637</v>
      </c>
      <c r="B198" s="2" t="s">
        <v>40</v>
      </c>
      <c r="C198" s="2" t="s">
        <v>651</v>
      </c>
      <c r="D198" s="2" t="s">
        <v>652</v>
      </c>
      <c r="E198" s="2" t="s">
        <v>136</v>
      </c>
      <c r="F198" s="2" t="s">
        <v>653</v>
      </c>
      <c r="G198" s="3">
        <v>1</v>
      </c>
      <c r="H198" s="2" t="s">
        <v>55</v>
      </c>
      <c r="I198" s="3">
        <v>2017</v>
      </c>
      <c r="J198" s="2" t="s">
        <v>121</v>
      </c>
      <c r="K198" s="2"/>
      <c r="L198" s="2" t="s">
        <v>654</v>
      </c>
    </row>
    <row r="199" spans="1:12" ht="15.2" customHeight="1">
      <c r="A199" s="2" t="s">
        <v>637</v>
      </c>
      <c r="B199" s="2" t="s">
        <v>44</v>
      </c>
      <c r="C199" s="2" t="s">
        <v>655</v>
      </c>
      <c r="D199" s="2" t="s">
        <v>656</v>
      </c>
      <c r="E199" s="2" t="s">
        <v>283</v>
      </c>
      <c r="F199" s="2" t="s">
        <v>657</v>
      </c>
      <c r="G199" s="3">
        <v>61</v>
      </c>
      <c r="H199" s="2" t="s">
        <v>248</v>
      </c>
      <c r="I199" s="3">
        <v>2012</v>
      </c>
      <c r="J199" s="2" t="s">
        <v>38</v>
      </c>
      <c r="K199" s="2"/>
      <c r="L199" s="2" t="s">
        <v>658</v>
      </c>
    </row>
    <row r="200" spans="1:12" ht="15.2" customHeight="1">
      <c r="A200" s="2" t="s">
        <v>637</v>
      </c>
      <c r="B200" s="2" t="s">
        <v>50</v>
      </c>
      <c r="C200" s="2" t="s">
        <v>659</v>
      </c>
      <c r="D200" s="2" t="s">
        <v>660</v>
      </c>
      <c r="E200" s="2" t="s">
        <v>283</v>
      </c>
      <c r="F200" s="2" t="s">
        <v>661</v>
      </c>
      <c r="G200" s="3">
        <v>23</v>
      </c>
      <c r="H200" s="2" t="s">
        <v>662</v>
      </c>
      <c r="I200" s="3">
        <v>2012</v>
      </c>
      <c r="J200" s="2" t="s">
        <v>38</v>
      </c>
      <c r="K200" s="2"/>
      <c r="L200" s="2" t="s">
        <v>663</v>
      </c>
    </row>
    <row r="201" spans="1:12" ht="15.2" customHeight="1">
      <c r="A201" s="2" t="s">
        <v>637</v>
      </c>
      <c r="B201" s="2" t="s">
        <v>57</v>
      </c>
      <c r="C201" s="2" t="s">
        <v>664</v>
      </c>
      <c r="D201" s="2" t="s">
        <v>665</v>
      </c>
      <c r="E201" s="2" t="s">
        <v>293</v>
      </c>
      <c r="F201" s="2" t="s">
        <v>666</v>
      </c>
      <c r="G201" s="3">
        <v>5</v>
      </c>
      <c r="H201" s="2" t="s">
        <v>55</v>
      </c>
      <c r="I201" s="3">
        <v>2012</v>
      </c>
      <c r="J201" s="2" t="s">
        <v>19</v>
      </c>
      <c r="K201" s="2"/>
      <c r="L201" s="2" t="s">
        <v>667</v>
      </c>
    </row>
    <row r="202" spans="1:12" ht="15.2" customHeight="1">
      <c r="A202" s="2" t="s">
        <v>637</v>
      </c>
      <c r="B202" s="2" t="s">
        <v>62</v>
      </c>
      <c r="C202" s="2" t="s">
        <v>668</v>
      </c>
      <c r="D202" s="2" t="s">
        <v>669</v>
      </c>
      <c r="E202" s="2" t="s">
        <v>293</v>
      </c>
      <c r="F202" s="2" t="s">
        <v>670</v>
      </c>
      <c r="G202" s="3">
        <v>10</v>
      </c>
      <c r="H202" s="2" t="s">
        <v>55</v>
      </c>
      <c r="I202" s="3">
        <v>2013</v>
      </c>
      <c r="J202" s="2" t="s">
        <v>19</v>
      </c>
      <c r="K202" s="2"/>
      <c r="L202" s="2" t="s">
        <v>671</v>
      </c>
    </row>
    <row r="203" spans="1:12" ht="15.2" customHeight="1">
      <c r="A203" s="2" t="s">
        <v>637</v>
      </c>
      <c r="B203" s="2" t="s">
        <v>67</v>
      </c>
      <c r="C203" s="2" t="s">
        <v>672</v>
      </c>
      <c r="D203" s="2" t="s">
        <v>673</v>
      </c>
      <c r="E203" s="2" t="s">
        <v>674</v>
      </c>
      <c r="F203" s="2" t="s">
        <v>675</v>
      </c>
      <c r="G203" s="3">
        <v>5</v>
      </c>
      <c r="H203" s="2" t="s">
        <v>37</v>
      </c>
      <c r="I203" s="3">
        <v>2019</v>
      </c>
      <c r="J203" s="2" t="s">
        <v>19</v>
      </c>
      <c r="K203" s="2"/>
      <c r="L203" s="2" t="s">
        <v>676</v>
      </c>
    </row>
    <row r="204" spans="1:12" ht="15.2" customHeight="1">
      <c r="A204" s="2" t="s">
        <v>637</v>
      </c>
      <c r="B204" s="2" t="s">
        <v>72</v>
      </c>
      <c r="C204" s="2" t="s">
        <v>677</v>
      </c>
      <c r="D204" s="2" t="s">
        <v>678</v>
      </c>
      <c r="E204" s="2" t="s">
        <v>679</v>
      </c>
      <c r="F204" s="2" t="s">
        <v>680</v>
      </c>
      <c r="G204" s="3">
        <v>4</v>
      </c>
      <c r="H204" s="2" t="s">
        <v>37</v>
      </c>
      <c r="I204" s="3">
        <v>2018</v>
      </c>
      <c r="J204" s="2" t="s">
        <v>19</v>
      </c>
      <c r="K204" s="2"/>
      <c r="L204" s="2" t="s">
        <v>681</v>
      </c>
    </row>
    <row r="205" spans="1:12" ht="15.2" customHeight="1">
      <c r="A205" s="2" t="s">
        <v>637</v>
      </c>
      <c r="B205" s="2" t="s">
        <v>78</v>
      </c>
      <c r="C205" s="2" t="s">
        <v>682</v>
      </c>
      <c r="D205" s="2" t="s">
        <v>683</v>
      </c>
      <c r="E205" s="2" t="s">
        <v>679</v>
      </c>
      <c r="F205" s="2" t="s">
        <v>684</v>
      </c>
      <c r="G205" s="3">
        <v>2</v>
      </c>
      <c r="H205" s="2" t="s">
        <v>37</v>
      </c>
      <c r="I205" s="3">
        <v>2018</v>
      </c>
      <c r="J205" s="2" t="s">
        <v>19</v>
      </c>
      <c r="K205" s="2"/>
      <c r="L205" s="2" t="s">
        <v>685</v>
      </c>
    </row>
    <row r="206" spans="1:12" ht="15.2" customHeight="1">
      <c r="A206" s="2" t="s">
        <v>637</v>
      </c>
      <c r="B206" s="2" t="s">
        <v>83</v>
      </c>
      <c r="C206" s="2" t="s">
        <v>686</v>
      </c>
      <c r="D206" s="2" t="s">
        <v>687</v>
      </c>
      <c r="E206" s="2" t="s">
        <v>679</v>
      </c>
      <c r="F206" s="2" t="s">
        <v>688</v>
      </c>
      <c r="G206" s="3">
        <v>1</v>
      </c>
      <c r="H206" s="2" t="s">
        <v>37</v>
      </c>
      <c r="I206" s="3">
        <v>2018</v>
      </c>
      <c r="J206" s="2" t="s">
        <v>19</v>
      </c>
      <c r="K206" s="2"/>
      <c r="L206" s="2" t="s">
        <v>689</v>
      </c>
    </row>
    <row r="207" spans="1:12" ht="15.2" customHeight="1">
      <c r="A207" s="2" t="s">
        <v>637</v>
      </c>
      <c r="B207" s="2" t="s">
        <v>88</v>
      </c>
      <c r="C207" s="2" t="s">
        <v>690</v>
      </c>
      <c r="D207" s="2" t="s">
        <v>691</v>
      </c>
      <c r="E207" s="2" t="s">
        <v>679</v>
      </c>
      <c r="F207" s="2" t="s">
        <v>692</v>
      </c>
      <c r="G207" s="3">
        <v>3</v>
      </c>
      <c r="H207" s="2" t="s">
        <v>37</v>
      </c>
      <c r="I207" s="3">
        <v>2018</v>
      </c>
      <c r="J207" s="2" t="s">
        <v>19</v>
      </c>
      <c r="K207" s="2"/>
      <c r="L207" s="2" t="s">
        <v>693</v>
      </c>
    </row>
    <row r="208" spans="1:12" ht="15.2" customHeight="1">
      <c r="A208" s="2" t="s">
        <v>637</v>
      </c>
      <c r="B208" s="2" t="s">
        <v>94</v>
      </c>
      <c r="C208" s="2" t="s">
        <v>694</v>
      </c>
      <c r="D208" s="2" t="s">
        <v>695</v>
      </c>
      <c r="E208" s="2" t="s">
        <v>319</v>
      </c>
      <c r="F208" s="2" t="s">
        <v>696</v>
      </c>
      <c r="G208" s="3">
        <v>2</v>
      </c>
      <c r="H208" s="2" t="s">
        <v>55</v>
      </c>
      <c r="I208" s="3">
        <v>2019</v>
      </c>
      <c r="J208" s="2" t="s">
        <v>606</v>
      </c>
      <c r="K208" s="2"/>
      <c r="L208" s="2" t="s">
        <v>697</v>
      </c>
    </row>
    <row r="209" spans="1:12" ht="15.2" customHeight="1">
      <c r="A209" s="2" t="s">
        <v>637</v>
      </c>
      <c r="B209" s="2" t="s">
        <v>100</v>
      </c>
      <c r="C209" s="2"/>
      <c r="D209" s="2" t="s">
        <v>698</v>
      </c>
      <c r="E209" s="2" t="s">
        <v>319</v>
      </c>
      <c r="F209" s="2" t="s">
        <v>699</v>
      </c>
      <c r="G209" s="3">
        <v>5</v>
      </c>
      <c r="H209" s="2" t="s">
        <v>37</v>
      </c>
      <c r="I209" s="3">
        <v>2020</v>
      </c>
      <c r="J209" s="2" t="s">
        <v>38</v>
      </c>
      <c r="K209" s="2"/>
      <c r="L209" s="2" t="s">
        <v>700</v>
      </c>
    </row>
    <row r="210" spans="1:12" ht="15.2" customHeight="1">
      <c r="A210" s="2" t="s">
        <v>637</v>
      </c>
      <c r="B210" s="2" t="s">
        <v>105</v>
      </c>
      <c r="C210" s="2" t="s">
        <v>701</v>
      </c>
      <c r="D210" s="2" t="s">
        <v>702</v>
      </c>
      <c r="E210" s="2" t="s">
        <v>327</v>
      </c>
      <c r="F210" s="2" t="s">
        <v>703</v>
      </c>
      <c r="G210" s="3">
        <v>3</v>
      </c>
      <c r="H210" s="2" t="s">
        <v>55</v>
      </c>
      <c r="I210" s="3">
        <v>2015</v>
      </c>
      <c r="J210" s="2" t="s">
        <v>19</v>
      </c>
      <c r="K210" s="2"/>
      <c r="L210" s="2" t="s">
        <v>704</v>
      </c>
    </row>
    <row r="211" spans="1:12" ht="15.2" customHeight="1">
      <c r="A211" s="2" t="s">
        <v>637</v>
      </c>
      <c r="B211" s="2" t="s">
        <v>111</v>
      </c>
      <c r="C211" s="2" t="s">
        <v>705</v>
      </c>
      <c r="D211" s="2" t="s">
        <v>706</v>
      </c>
      <c r="E211" s="2" t="s">
        <v>327</v>
      </c>
      <c r="F211" s="2" t="s">
        <v>707</v>
      </c>
      <c r="G211" s="3">
        <v>8</v>
      </c>
      <c r="H211" s="2" t="s">
        <v>55</v>
      </c>
      <c r="I211" s="3">
        <v>2015</v>
      </c>
      <c r="J211" s="2" t="s">
        <v>19</v>
      </c>
      <c r="K211" s="2"/>
      <c r="L211" s="2" t="s">
        <v>708</v>
      </c>
    </row>
    <row r="212" spans="1:12" ht="15.2" customHeight="1">
      <c r="A212" s="2" t="s">
        <v>637</v>
      </c>
      <c r="B212" s="2" t="s">
        <v>116</v>
      </c>
      <c r="C212" s="2"/>
      <c r="D212" s="2" t="s">
        <v>709</v>
      </c>
      <c r="E212" s="2" t="s">
        <v>35</v>
      </c>
      <c r="F212" s="2" t="s">
        <v>710</v>
      </c>
      <c r="G212" s="3">
        <v>3</v>
      </c>
      <c r="H212" s="2" t="s">
        <v>37</v>
      </c>
      <c r="I212" s="3">
        <v>2019</v>
      </c>
      <c r="J212" s="2" t="s">
        <v>38</v>
      </c>
      <c r="K212" s="2"/>
      <c r="L212" s="2" t="s">
        <v>726</v>
      </c>
    </row>
    <row r="213" spans="1:12" ht="15.2" customHeight="1">
      <c r="A213" s="2" t="s">
        <v>637</v>
      </c>
      <c r="B213" s="2" t="s">
        <v>123</v>
      </c>
      <c r="C213" s="2"/>
      <c r="D213" s="2" t="s">
        <v>711</v>
      </c>
      <c r="E213" s="2" t="s">
        <v>35</v>
      </c>
      <c r="F213" s="2" t="s">
        <v>712</v>
      </c>
      <c r="G213" s="3">
        <v>4</v>
      </c>
      <c r="H213" s="2" t="s">
        <v>37</v>
      </c>
      <c r="I213" s="3">
        <v>2019</v>
      </c>
      <c r="J213" s="2" t="s">
        <v>38</v>
      </c>
      <c r="K213" s="2"/>
      <c r="L213" s="2" t="s">
        <v>713</v>
      </c>
    </row>
    <row r="214" spans="1:12" ht="15.2" customHeight="1">
      <c r="A214" s="2" t="s">
        <v>637</v>
      </c>
      <c r="B214" s="2" t="s">
        <v>128</v>
      </c>
      <c r="C214" s="2" t="s">
        <v>714</v>
      </c>
      <c r="D214" s="2" t="s">
        <v>46</v>
      </c>
      <c r="E214" s="2" t="s">
        <v>47</v>
      </c>
      <c r="F214" s="2" t="s">
        <v>715</v>
      </c>
      <c r="G214" s="3">
        <v>2</v>
      </c>
      <c r="H214" s="2" t="s">
        <v>37</v>
      </c>
      <c r="I214" s="3">
        <v>2019</v>
      </c>
      <c r="J214" s="2" t="s">
        <v>19</v>
      </c>
      <c r="K214" s="2"/>
      <c r="L214" s="2" t="s">
        <v>716</v>
      </c>
    </row>
    <row r="215" spans="1:12" ht="15.2" customHeight="1">
      <c r="A215" s="2" t="s">
        <v>637</v>
      </c>
      <c r="B215" s="2" t="s">
        <v>133</v>
      </c>
      <c r="C215" s="2" t="s">
        <v>717</v>
      </c>
      <c r="D215" s="2" t="s">
        <v>718</v>
      </c>
      <c r="E215" s="2" t="s">
        <v>293</v>
      </c>
      <c r="F215" s="2" t="s">
        <v>719</v>
      </c>
      <c r="G215" s="3">
        <v>4</v>
      </c>
      <c r="H215" s="2" t="s">
        <v>55</v>
      </c>
      <c r="I215" s="3">
        <v>2017</v>
      </c>
      <c r="J215" s="2" t="s">
        <v>19</v>
      </c>
      <c r="K215" s="2"/>
      <c r="L215" s="2" t="s">
        <v>720</v>
      </c>
    </row>
    <row r="216" spans="1:12" ht="15.2" customHeight="1">
      <c r="A216" s="2" t="s">
        <v>637</v>
      </c>
      <c r="B216" s="2" t="s">
        <v>139</v>
      </c>
      <c r="C216" s="2"/>
      <c r="D216" s="2" t="s">
        <v>34</v>
      </c>
      <c r="E216" s="2" t="s">
        <v>35</v>
      </c>
      <c r="F216" s="2" t="s">
        <v>36</v>
      </c>
      <c r="G216" s="3">
        <v>1</v>
      </c>
      <c r="H216" s="2" t="s">
        <v>37</v>
      </c>
      <c r="I216" s="3">
        <v>2019</v>
      </c>
      <c r="J216" s="2" t="s">
        <v>38</v>
      </c>
      <c r="K216" s="2"/>
      <c r="L216" s="2" t="s">
        <v>39</v>
      </c>
    </row>
    <row r="217" spans="1:12" ht="15.2" customHeight="1">
      <c r="A217" s="2" t="s">
        <v>637</v>
      </c>
      <c r="B217" s="2" t="s">
        <v>144</v>
      </c>
      <c r="C217" s="2"/>
      <c r="D217" s="2" t="s">
        <v>41</v>
      </c>
      <c r="E217" s="2" t="s">
        <v>35</v>
      </c>
      <c r="F217" s="2" t="s">
        <v>42</v>
      </c>
      <c r="G217" s="3">
        <v>2</v>
      </c>
      <c r="H217" s="2" t="s">
        <v>37</v>
      </c>
      <c r="I217" s="3">
        <v>2019</v>
      </c>
      <c r="J217" s="2" t="s">
        <v>38</v>
      </c>
      <c r="K217" s="2"/>
      <c r="L217" s="2" t="s">
        <v>43</v>
      </c>
    </row>
    <row r="218" spans="1:12" ht="15.2" customHeight="1">
      <c r="A218" s="2" t="s">
        <v>637</v>
      </c>
      <c r="B218" s="2" t="s">
        <v>149</v>
      </c>
      <c r="C218" s="2" t="s">
        <v>45</v>
      </c>
      <c r="D218" s="2" t="s">
        <v>46</v>
      </c>
      <c r="E218" s="2" t="s">
        <v>47</v>
      </c>
      <c r="F218" s="2" t="s">
        <v>48</v>
      </c>
      <c r="G218" s="3">
        <v>1</v>
      </c>
      <c r="H218" s="2" t="s">
        <v>37</v>
      </c>
      <c r="I218" s="3">
        <v>2019</v>
      </c>
      <c r="J218" s="2" t="s">
        <v>19</v>
      </c>
      <c r="K218" s="2"/>
      <c r="L218" s="2" t="s">
        <v>49</v>
      </c>
    </row>
    <row r="219" spans="1:12" ht="15.2" customHeight="1">
      <c r="A219" s="2" t="s">
        <v>637</v>
      </c>
      <c r="B219" s="2" t="s">
        <v>154</v>
      </c>
      <c r="C219" s="2" t="s">
        <v>721</v>
      </c>
      <c r="D219" s="2" t="s">
        <v>722</v>
      </c>
      <c r="E219" s="2" t="s">
        <v>293</v>
      </c>
      <c r="F219" s="2" t="s">
        <v>723</v>
      </c>
      <c r="G219" s="3">
        <v>2</v>
      </c>
      <c r="H219" s="2" t="s">
        <v>55</v>
      </c>
      <c r="I219" s="3">
        <v>2017</v>
      </c>
      <c r="J219" s="2" t="s">
        <v>19</v>
      </c>
      <c r="K219" s="2"/>
      <c r="L219" s="2" t="s">
        <v>724</v>
      </c>
    </row>
    <row r="220" spans="1:12" ht="15.2" customHeight="1">
      <c r="A220" s="2" t="s">
        <v>637</v>
      </c>
      <c r="B220" s="2" t="s">
        <v>159</v>
      </c>
      <c r="C220" s="2" t="s">
        <v>641</v>
      </c>
      <c r="D220" s="2" t="s">
        <v>528</v>
      </c>
      <c r="E220" s="2" t="s">
        <v>529</v>
      </c>
      <c r="F220" s="2" t="s">
        <v>642</v>
      </c>
      <c r="G220" s="3">
        <v>3</v>
      </c>
      <c r="H220" s="2" t="s">
        <v>26</v>
      </c>
      <c r="I220" s="3">
        <v>2015</v>
      </c>
      <c r="J220" s="2" t="s">
        <v>19</v>
      </c>
      <c r="K220" s="2"/>
      <c r="L220" s="2" t="s">
        <v>643</v>
      </c>
    </row>
    <row r="221" spans="1:12" ht="15.2" customHeight="1">
      <c r="A221" s="2" t="s">
        <v>637</v>
      </c>
      <c r="B221" s="2" t="s">
        <v>160</v>
      </c>
      <c r="C221" s="2" t="s">
        <v>644</v>
      </c>
      <c r="D221" s="2" t="s">
        <v>528</v>
      </c>
      <c r="E221" s="2" t="s">
        <v>529</v>
      </c>
      <c r="F221" s="2" t="s">
        <v>645</v>
      </c>
      <c r="G221" s="3">
        <v>4</v>
      </c>
      <c r="H221" s="2" t="s">
        <v>26</v>
      </c>
      <c r="I221" s="3">
        <v>2015</v>
      </c>
      <c r="J221" s="2" t="s">
        <v>19</v>
      </c>
      <c r="K221" s="2"/>
      <c r="L221" s="2" t="s">
        <v>646</v>
      </c>
    </row>
    <row r="222" spans="1:12" ht="15.2" customHeight="1">
      <c r="A222" s="2" t="s">
        <v>637</v>
      </c>
      <c r="B222" s="2" t="s">
        <v>161</v>
      </c>
      <c r="C222" s="2" t="s">
        <v>655</v>
      </c>
      <c r="D222" s="2" t="s">
        <v>656</v>
      </c>
      <c r="E222" s="2" t="s">
        <v>283</v>
      </c>
      <c r="F222" s="2" t="s">
        <v>657</v>
      </c>
      <c r="G222" s="3">
        <v>61</v>
      </c>
      <c r="H222" s="2" t="s">
        <v>248</v>
      </c>
      <c r="I222" s="3">
        <v>2012</v>
      </c>
      <c r="J222" s="2" t="s">
        <v>38</v>
      </c>
      <c r="K222" s="2"/>
      <c r="L222" s="2" t="s">
        <v>658</v>
      </c>
    </row>
    <row r="223" spans="1:12" ht="15.2" customHeight="1">
      <c r="A223" s="2" t="s">
        <v>637</v>
      </c>
      <c r="B223" s="2" t="s">
        <v>167</v>
      </c>
      <c r="C223" s="2" t="s">
        <v>659</v>
      </c>
      <c r="D223" s="2" t="s">
        <v>660</v>
      </c>
      <c r="E223" s="2" t="s">
        <v>283</v>
      </c>
      <c r="F223" s="2" t="s">
        <v>661</v>
      </c>
      <c r="G223" s="3">
        <v>23</v>
      </c>
      <c r="H223" s="2" t="s">
        <v>662</v>
      </c>
      <c r="I223" s="3">
        <v>2012</v>
      </c>
      <c r="J223" s="2" t="s">
        <v>38</v>
      </c>
      <c r="K223" s="2"/>
      <c r="L223" s="2" t="s">
        <v>663</v>
      </c>
    </row>
    <row r="224" spans="1:12" ht="15.2" customHeight="1">
      <c r="A224" s="2" t="s">
        <v>637</v>
      </c>
      <c r="B224" s="2" t="s">
        <v>172</v>
      </c>
      <c r="C224" s="2" t="s">
        <v>664</v>
      </c>
      <c r="D224" s="2" t="s">
        <v>665</v>
      </c>
      <c r="E224" s="2" t="s">
        <v>293</v>
      </c>
      <c r="F224" s="2" t="s">
        <v>666</v>
      </c>
      <c r="G224" s="3">
        <v>5</v>
      </c>
      <c r="H224" s="2" t="s">
        <v>55</v>
      </c>
      <c r="I224" s="3">
        <v>2012</v>
      </c>
      <c r="J224" s="2" t="s">
        <v>19</v>
      </c>
      <c r="K224" s="2"/>
      <c r="L224" s="2" t="s">
        <v>667</v>
      </c>
    </row>
    <row r="225" ht="0" hidden="1" customHeight="1"/>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0-12-15T11:26:51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